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footer2.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default" r:id="rId14"/>
          <w:footerReference w:type="default" r:id="rId15"/>
          <w:pgSz w:w="11906" w:h="16838" w:code="9"/>
          <w:pgMar w:top="1418" w:right="1134" w:bottom="1418" w:left="1134" w:header="1588" w:footer="782" w:gutter="0"/>
          <w:pgNumType w:start="1"/>
          <w:cols w:space="708"/>
          <w:docGrid w:linePitch="360"/>
        </w:sectPr>
      </w:pPr>
    </w:p>
    <w:bookmarkStart w:id="0" w:name="_Toc107578350" w:displacedByCustomXml="next"/>
    <w:bookmarkStart w:id="1" w:name="_Toc107577893" w:displacedByCustomXml="next"/>
    <w:bookmarkStart w:id="2" w:name="_Toc188566" w:displacedByCustomXml="next"/>
    <w:bookmarkStart w:id="3" w:name="_Toc535934598" w:displacedByCustomXml="next"/>
    <w:bookmarkStart w:id="4" w:name="_Toc535934159" w:displacedByCustomXml="next"/>
    <w:bookmarkStart w:id="5" w:name="_Toc396311910" w:displacedByCustomXml="next"/>
    <w:bookmarkStart w:id="6" w:name="_Toc219009570" w:displacedByCustomXml="next"/>
    <w:bookmarkStart w:id="7" w:name="_Toc55266784" w:displacedByCustomXml="next"/>
    <w:bookmarkStart w:id="8" w:name="_Toc330816280" w:displacedByCustomXml="next"/>
    <w:bookmarkStart w:id="9" w:name="_Toc330814616" w:displacedByCustomXml="next"/>
    <w:bookmarkStart w:id="10" w:name="_Toc307346812" w:displacedByCustomXml="next"/>
    <w:bookmarkStart w:id="11" w:name="_Toc224016202" w:displacedByCustomXml="next"/>
    <w:bookmarkStart w:id="12"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517420E3" w14:textId="0DED1F7B" w:rsidR="004A1B16"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203144468" w:history="1">
            <w:r w:rsidR="004A1B16" w:rsidRPr="005F3E41">
              <w:rPr>
                <w:rStyle w:val="Hyperlink"/>
              </w:rPr>
              <w:t>1</w:t>
            </w:r>
            <w:r w:rsidR="004A1B16">
              <w:rPr>
                <w:rFonts w:asciiTheme="minorHAnsi" w:eastAsiaTheme="minorEastAsia" w:hAnsiTheme="minorHAnsi" w:cstheme="minorBidi"/>
                <w:b w:val="0"/>
                <w:caps w:val="0"/>
                <w:color w:val="auto"/>
                <w:kern w:val="2"/>
                <w:sz w:val="24"/>
                <w:szCs w:val="24"/>
                <w:lang w:eastAsia="nl-NL"/>
                <w14:ligatures w14:val="standardContextual"/>
              </w:rPr>
              <w:tab/>
            </w:r>
            <w:r w:rsidR="004A1B16" w:rsidRPr="005F3E41">
              <w:rPr>
                <w:rStyle w:val="Hyperlink"/>
              </w:rPr>
              <w:t>Inleiding</w:t>
            </w:r>
            <w:r w:rsidR="004A1B16">
              <w:rPr>
                <w:webHidden/>
              </w:rPr>
              <w:tab/>
            </w:r>
            <w:r w:rsidR="004A1B16">
              <w:rPr>
                <w:webHidden/>
              </w:rPr>
              <w:fldChar w:fldCharType="begin"/>
            </w:r>
            <w:r w:rsidR="004A1B16">
              <w:rPr>
                <w:webHidden/>
              </w:rPr>
              <w:instrText xml:space="preserve"> PAGEREF _Toc203144468 \h </w:instrText>
            </w:r>
            <w:r w:rsidR="004A1B16">
              <w:rPr>
                <w:webHidden/>
              </w:rPr>
            </w:r>
            <w:r w:rsidR="004A1B16">
              <w:rPr>
                <w:webHidden/>
              </w:rPr>
              <w:fldChar w:fldCharType="separate"/>
            </w:r>
            <w:r w:rsidR="004A1B16">
              <w:rPr>
                <w:webHidden/>
              </w:rPr>
              <w:t>3</w:t>
            </w:r>
            <w:r w:rsidR="004A1B16">
              <w:rPr>
                <w:webHidden/>
              </w:rPr>
              <w:fldChar w:fldCharType="end"/>
            </w:r>
          </w:hyperlink>
        </w:p>
        <w:p w14:paraId="6F1E8126" w14:textId="365BD219"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69" w:history="1">
            <w:r w:rsidRPr="005F3E41">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Functionaliteiten</w:t>
            </w:r>
            <w:r>
              <w:rPr>
                <w:webHidden/>
              </w:rPr>
              <w:tab/>
            </w:r>
            <w:r>
              <w:rPr>
                <w:webHidden/>
              </w:rPr>
              <w:fldChar w:fldCharType="begin"/>
            </w:r>
            <w:r>
              <w:rPr>
                <w:webHidden/>
              </w:rPr>
              <w:instrText xml:space="preserve"> PAGEREF _Toc203144469 \h </w:instrText>
            </w:r>
            <w:r>
              <w:rPr>
                <w:webHidden/>
              </w:rPr>
            </w:r>
            <w:r>
              <w:rPr>
                <w:webHidden/>
              </w:rPr>
              <w:fldChar w:fldCharType="separate"/>
            </w:r>
            <w:r>
              <w:rPr>
                <w:webHidden/>
              </w:rPr>
              <w:t>3</w:t>
            </w:r>
            <w:r>
              <w:rPr>
                <w:webHidden/>
              </w:rPr>
              <w:fldChar w:fldCharType="end"/>
            </w:r>
          </w:hyperlink>
        </w:p>
        <w:p w14:paraId="004D8319" w14:textId="0DCF3F10"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70" w:history="1">
            <w:r w:rsidRPr="005F3E41">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Versiebeheer</w:t>
            </w:r>
            <w:r>
              <w:rPr>
                <w:webHidden/>
              </w:rPr>
              <w:tab/>
            </w:r>
            <w:r>
              <w:rPr>
                <w:webHidden/>
              </w:rPr>
              <w:fldChar w:fldCharType="begin"/>
            </w:r>
            <w:r>
              <w:rPr>
                <w:webHidden/>
              </w:rPr>
              <w:instrText xml:space="preserve"> PAGEREF _Toc203144470 \h </w:instrText>
            </w:r>
            <w:r>
              <w:rPr>
                <w:webHidden/>
              </w:rPr>
            </w:r>
            <w:r>
              <w:rPr>
                <w:webHidden/>
              </w:rPr>
              <w:fldChar w:fldCharType="separate"/>
            </w:r>
            <w:r>
              <w:rPr>
                <w:webHidden/>
              </w:rPr>
              <w:t>3</w:t>
            </w:r>
            <w:r>
              <w:rPr>
                <w:webHidden/>
              </w:rPr>
              <w:fldChar w:fldCharType="end"/>
            </w:r>
          </w:hyperlink>
        </w:p>
        <w:p w14:paraId="38AB05F6" w14:textId="09CFDA2D"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71" w:history="1">
            <w:r w:rsidRPr="005F3E41">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Leeswijzer</w:t>
            </w:r>
            <w:r>
              <w:rPr>
                <w:webHidden/>
              </w:rPr>
              <w:tab/>
            </w:r>
            <w:r>
              <w:rPr>
                <w:webHidden/>
              </w:rPr>
              <w:fldChar w:fldCharType="begin"/>
            </w:r>
            <w:r>
              <w:rPr>
                <w:webHidden/>
              </w:rPr>
              <w:instrText xml:space="preserve"> PAGEREF _Toc203144471 \h </w:instrText>
            </w:r>
            <w:r>
              <w:rPr>
                <w:webHidden/>
              </w:rPr>
            </w:r>
            <w:r>
              <w:rPr>
                <w:webHidden/>
              </w:rPr>
              <w:fldChar w:fldCharType="separate"/>
            </w:r>
            <w:r>
              <w:rPr>
                <w:webHidden/>
              </w:rPr>
              <w:t>4</w:t>
            </w:r>
            <w:r>
              <w:rPr>
                <w:webHidden/>
              </w:rPr>
              <w:fldChar w:fldCharType="end"/>
            </w:r>
          </w:hyperlink>
        </w:p>
        <w:p w14:paraId="14108AD5" w14:textId="2293E269"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72" w:history="1">
            <w:r w:rsidRPr="005F3E41">
              <w:rPr>
                <w:rStyle w:val="Hyperlink"/>
              </w:rPr>
              <w:t>1.4</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Snel starten</w:t>
            </w:r>
            <w:r>
              <w:rPr>
                <w:webHidden/>
              </w:rPr>
              <w:tab/>
            </w:r>
            <w:r>
              <w:rPr>
                <w:webHidden/>
              </w:rPr>
              <w:fldChar w:fldCharType="begin"/>
            </w:r>
            <w:r>
              <w:rPr>
                <w:webHidden/>
              </w:rPr>
              <w:instrText xml:space="preserve"> PAGEREF _Toc203144472 \h </w:instrText>
            </w:r>
            <w:r>
              <w:rPr>
                <w:webHidden/>
              </w:rPr>
            </w:r>
            <w:r>
              <w:rPr>
                <w:webHidden/>
              </w:rPr>
              <w:fldChar w:fldCharType="separate"/>
            </w:r>
            <w:r>
              <w:rPr>
                <w:webHidden/>
              </w:rPr>
              <w:t>4</w:t>
            </w:r>
            <w:r>
              <w:rPr>
                <w:webHidden/>
              </w:rPr>
              <w:fldChar w:fldCharType="end"/>
            </w:r>
          </w:hyperlink>
        </w:p>
        <w:p w14:paraId="59AAD4C9" w14:textId="241F2E6E" w:rsidR="004A1B16" w:rsidRDefault="004A1B16">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03144473" w:history="1">
            <w:r w:rsidRPr="005F3E41">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5F3E41">
              <w:rPr>
                <w:rStyle w:val="Hyperlink"/>
              </w:rPr>
              <w:t>Installatie en gebruik</w:t>
            </w:r>
            <w:r>
              <w:rPr>
                <w:webHidden/>
              </w:rPr>
              <w:tab/>
            </w:r>
            <w:r>
              <w:rPr>
                <w:webHidden/>
              </w:rPr>
              <w:fldChar w:fldCharType="begin"/>
            </w:r>
            <w:r>
              <w:rPr>
                <w:webHidden/>
              </w:rPr>
              <w:instrText xml:space="preserve"> PAGEREF _Toc203144473 \h </w:instrText>
            </w:r>
            <w:r>
              <w:rPr>
                <w:webHidden/>
              </w:rPr>
            </w:r>
            <w:r>
              <w:rPr>
                <w:webHidden/>
              </w:rPr>
              <w:fldChar w:fldCharType="separate"/>
            </w:r>
            <w:r>
              <w:rPr>
                <w:webHidden/>
              </w:rPr>
              <w:t>5</w:t>
            </w:r>
            <w:r>
              <w:rPr>
                <w:webHidden/>
              </w:rPr>
              <w:fldChar w:fldCharType="end"/>
            </w:r>
          </w:hyperlink>
        </w:p>
        <w:p w14:paraId="09B200D5" w14:textId="7DF781C9"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74" w:history="1">
            <w:r w:rsidRPr="005F3E41">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Tool downloaden</w:t>
            </w:r>
            <w:r>
              <w:rPr>
                <w:webHidden/>
              </w:rPr>
              <w:tab/>
            </w:r>
            <w:r>
              <w:rPr>
                <w:webHidden/>
              </w:rPr>
              <w:fldChar w:fldCharType="begin"/>
            </w:r>
            <w:r>
              <w:rPr>
                <w:webHidden/>
              </w:rPr>
              <w:instrText xml:space="preserve"> PAGEREF _Toc203144474 \h </w:instrText>
            </w:r>
            <w:r>
              <w:rPr>
                <w:webHidden/>
              </w:rPr>
            </w:r>
            <w:r>
              <w:rPr>
                <w:webHidden/>
              </w:rPr>
              <w:fldChar w:fldCharType="separate"/>
            </w:r>
            <w:r>
              <w:rPr>
                <w:webHidden/>
              </w:rPr>
              <w:t>5</w:t>
            </w:r>
            <w:r>
              <w:rPr>
                <w:webHidden/>
              </w:rPr>
              <w:fldChar w:fldCharType="end"/>
            </w:r>
          </w:hyperlink>
        </w:p>
        <w:p w14:paraId="0CD6AEBE" w14:textId="412465DE"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75" w:history="1">
            <w:r w:rsidRPr="005F3E41">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Virtual environment</w:t>
            </w:r>
            <w:r>
              <w:rPr>
                <w:webHidden/>
              </w:rPr>
              <w:tab/>
            </w:r>
            <w:r>
              <w:rPr>
                <w:webHidden/>
              </w:rPr>
              <w:fldChar w:fldCharType="begin"/>
            </w:r>
            <w:r>
              <w:rPr>
                <w:webHidden/>
              </w:rPr>
              <w:instrText xml:space="preserve"> PAGEREF _Toc203144475 \h </w:instrText>
            </w:r>
            <w:r>
              <w:rPr>
                <w:webHidden/>
              </w:rPr>
            </w:r>
            <w:r>
              <w:rPr>
                <w:webHidden/>
              </w:rPr>
              <w:fldChar w:fldCharType="separate"/>
            </w:r>
            <w:r>
              <w:rPr>
                <w:webHidden/>
              </w:rPr>
              <w:t>5</w:t>
            </w:r>
            <w:r>
              <w:rPr>
                <w:webHidden/>
              </w:rPr>
              <w:fldChar w:fldCharType="end"/>
            </w:r>
          </w:hyperlink>
        </w:p>
        <w:p w14:paraId="22FA6DD1" w14:textId="32985EA9"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476" w:history="1">
            <w:r w:rsidRPr="005F3E41">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Installeren</w:t>
            </w:r>
            <w:r>
              <w:rPr>
                <w:noProof/>
                <w:webHidden/>
              </w:rPr>
              <w:tab/>
            </w:r>
            <w:r>
              <w:rPr>
                <w:noProof/>
                <w:webHidden/>
              </w:rPr>
              <w:fldChar w:fldCharType="begin"/>
            </w:r>
            <w:r>
              <w:rPr>
                <w:noProof/>
                <w:webHidden/>
              </w:rPr>
              <w:instrText xml:space="preserve"> PAGEREF _Toc203144476 \h </w:instrText>
            </w:r>
            <w:r>
              <w:rPr>
                <w:noProof/>
                <w:webHidden/>
              </w:rPr>
            </w:r>
            <w:r>
              <w:rPr>
                <w:noProof/>
                <w:webHidden/>
              </w:rPr>
              <w:fldChar w:fldCharType="separate"/>
            </w:r>
            <w:r>
              <w:rPr>
                <w:noProof/>
                <w:webHidden/>
              </w:rPr>
              <w:t>6</w:t>
            </w:r>
            <w:r>
              <w:rPr>
                <w:noProof/>
                <w:webHidden/>
              </w:rPr>
              <w:fldChar w:fldCharType="end"/>
            </w:r>
          </w:hyperlink>
        </w:p>
        <w:p w14:paraId="7C53A6A4" w14:textId="7A8D6345"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477" w:history="1">
            <w:r w:rsidRPr="005F3E41">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Activeren</w:t>
            </w:r>
            <w:r>
              <w:rPr>
                <w:noProof/>
                <w:webHidden/>
              </w:rPr>
              <w:tab/>
            </w:r>
            <w:r>
              <w:rPr>
                <w:noProof/>
                <w:webHidden/>
              </w:rPr>
              <w:fldChar w:fldCharType="begin"/>
            </w:r>
            <w:r>
              <w:rPr>
                <w:noProof/>
                <w:webHidden/>
              </w:rPr>
              <w:instrText xml:space="preserve"> PAGEREF _Toc203144477 \h </w:instrText>
            </w:r>
            <w:r>
              <w:rPr>
                <w:noProof/>
                <w:webHidden/>
              </w:rPr>
            </w:r>
            <w:r>
              <w:rPr>
                <w:noProof/>
                <w:webHidden/>
              </w:rPr>
              <w:fldChar w:fldCharType="separate"/>
            </w:r>
            <w:r>
              <w:rPr>
                <w:noProof/>
                <w:webHidden/>
              </w:rPr>
              <w:t>6</w:t>
            </w:r>
            <w:r>
              <w:rPr>
                <w:noProof/>
                <w:webHidden/>
              </w:rPr>
              <w:fldChar w:fldCharType="end"/>
            </w:r>
          </w:hyperlink>
        </w:p>
        <w:p w14:paraId="302CD8DE" w14:textId="5F6AB7D9"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478" w:history="1">
            <w:r w:rsidRPr="005F3E41">
              <w:rPr>
                <w:rStyle w:val="Hyperlink"/>
                <w:noProof/>
              </w:rPr>
              <w:t>2.2.3</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Updaten</w:t>
            </w:r>
            <w:r>
              <w:rPr>
                <w:noProof/>
                <w:webHidden/>
              </w:rPr>
              <w:tab/>
            </w:r>
            <w:r>
              <w:rPr>
                <w:noProof/>
                <w:webHidden/>
              </w:rPr>
              <w:fldChar w:fldCharType="begin"/>
            </w:r>
            <w:r>
              <w:rPr>
                <w:noProof/>
                <w:webHidden/>
              </w:rPr>
              <w:instrText xml:space="preserve"> PAGEREF _Toc203144478 \h </w:instrText>
            </w:r>
            <w:r>
              <w:rPr>
                <w:noProof/>
                <w:webHidden/>
              </w:rPr>
            </w:r>
            <w:r>
              <w:rPr>
                <w:noProof/>
                <w:webHidden/>
              </w:rPr>
              <w:fldChar w:fldCharType="separate"/>
            </w:r>
            <w:r>
              <w:rPr>
                <w:noProof/>
                <w:webHidden/>
              </w:rPr>
              <w:t>6</w:t>
            </w:r>
            <w:r>
              <w:rPr>
                <w:noProof/>
                <w:webHidden/>
              </w:rPr>
              <w:fldChar w:fldCharType="end"/>
            </w:r>
          </w:hyperlink>
        </w:p>
        <w:p w14:paraId="438876B8" w14:textId="73F60798"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79" w:history="1">
            <w:r w:rsidRPr="005F3E41">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Gebruik</w:t>
            </w:r>
            <w:r>
              <w:rPr>
                <w:webHidden/>
              </w:rPr>
              <w:tab/>
            </w:r>
            <w:r>
              <w:rPr>
                <w:webHidden/>
              </w:rPr>
              <w:fldChar w:fldCharType="begin"/>
            </w:r>
            <w:r>
              <w:rPr>
                <w:webHidden/>
              </w:rPr>
              <w:instrText xml:space="preserve"> PAGEREF _Toc203144479 \h </w:instrText>
            </w:r>
            <w:r>
              <w:rPr>
                <w:webHidden/>
              </w:rPr>
            </w:r>
            <w:r>
              <w:rPr>
                <w:webHidden/>
              </w:rPr>
              <w:fldChar w:fldCharType="separate"/>
            </w:r>
            <w:r>
              <w:rPr>
                <w:webHidden/>
              </w:rPr>
              <w:t>6</w:t>
            </w:r>
            <w:r>
              <w:rPr>
                <w:webHidden/>
              </w:rPr>
              <w:fldChar w:fldCharType="end"/>
            </w:r>
          </w:hyperlink>
        </w:p>
        <w:p w14:paraId="653F41EA" w14:textId="2B5C54AE"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480" w:history="1">
            <w:r w:rsidRPr="005F3E41">
              <w:rPr>
                <w:rStyle w:val="Hyperlink"/>
                <w:noProof/>
              </w:rPr>
              <w:t>2.3.1</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Workflow</w:t>
            </w:r>
            <w:r>
              <w:rPr>
                <w:noProof/>
                <w:webHidden/>
              </w:rPr>
              <w:tab/>
            </w:r>
            <w:r>
              <w:rPr>
                <w:noProof/>
                <w:webHidden/>
              </w:rPr>
              <w:fldChar w:fldCharType="begin"/>
            </w:r>
            <w:r>
              <w:rPr>
                <w:noProof/>
                <w:webHidden/>
              </w:rPr>
              <w:instrText xml:space="preserve"> PAGEREF _Toc203144480 \h </w:instrText>
            </w:r>
            <w:r>
              <w:rPr>
                <w:noProof/>
                <w:webHidden/>
              </w:rPr>
            </w:r>
            <w:r>
              <w:rPr>
                <w:noProof/>
                <w:webHidden/>
              </w:rPr>
              <w:fldChar w:fldCharType="separate"/>
            </w:r>
            <w:r>
              <w:rPr>
                <w:noProof/>
                <w:webHidden/>
              </w:rPr>
              <w:t>6</w:t>
            </w:r>
            <w:r>
              <w:rPr>
                <w:noProof/>
                <w:webHidden/>
              </w:rPr>
              <w:fldChar w:fldCharType="end"/>
            </w:r>
          </w:hyperlink>
        </w:p>
        <w:p w14:paraId="46D09C61" w14:textId="1F140638"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481" w:history="1">
            <w:r w:rsidRPr="005F3E41">
              <w:rPr>
                <w:rStyle w:val="Hyperlink"/>
                <w:noProof/>
              </w:rPr>
              <w:t>2.3.2</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Aanbevelingen</w:t>
            </w:r>
            <w:r>
              <w:rPr>
                <w:noProof/>
                <w:webHidden/>
              </w:rPr>
              <w:tab/>
            </w:r>
            <w:r>
              <w:rPr>
                <w:noProof/>
                <w:webHidden/>
              </w:rPr>
              <w:fldChar w:fldCharType="begin"/>
            </w:r>
            <w:r>
              <w:rPr>
                <w:noProof/>
                <w:webHidden/>
              </w:rPr>
              <w:instrText xml:space="preserve"> PAGEREF _Toc203144481 \h </w:instrText>
            </w:r>
            <w:r>
              <w:rPr>
                <w:noProof/>
                <w:webHidden/>
              </w:rPr>
            </w:r>
            <w:r>
              <w:rPr>
                <w:noProof/>
                <w:webHidden/>
              </w:rPr>
              <w:fldChar w:fldCharType="separate"/>
            </w:r>
            <w:r>
              <w:rPr>
                <w:noProof/>
                <w:webHidden/>
              </w:rPr>
              <w:t>7</w:t>
            </w:r>
            <w:r>
              <w:rPr>
                <w:noProof/>
                <w:webHidden/>
              </w:rPr>
              <w:fldChar w:fldCharType="end"/>
            </w:r>
          </w:hyperlink>
        </w:p>
        <w:p w14:paraId="4C0BFE11" w14:textId="3E072836" w:rsidR="004A1B16" w:rsidRDefault="004A1B16">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03144482" w:history="1">
            <w:r w:rsidRPr="005F3E41">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5F3E41">
              <w:rPr>
                <w:rStyle w:val="Hyperlink"/>
              </w:rPr>
              <w:t>Opstellen invoerbestand</w:t>
            </w:r>
            <w:r>
              <w:rPr>
                <w:webHidden/>
              </w:rPr>
              <w:tab/>
            </w:r>
            <w:r>
              <w:rPr>
                <w:webHidden/>
              </w:rPr>
              <w:fldChar w:fldCharType="begin"/>
            </w:r>
            <w:r>
              <w:rPr>
                <w:webHidden/>
              </w:rPr>
              <w:instrText xml:space="preserve"> PAGEREF _Toc203144482 \h </w:instrText>
            </w:r>
            <w:r>
              <w:rPr>
                <w:webHidden/>
              </w:rPr>
            </w:r>
            <w:r>
              <w:rPr>
                <w:webHidden/>
              </w:rPr>
              <w:fldChar w:fldCharType="separate"/>
            </w:r>
            <w:r>
              <w:rPr>
                <w:webHidden/>
              </w:rPr>
              <w:t>8</w:t>
            </w:r>
            <w:r>
              <w:rPr>
                <w:webHidden/>
              </w:rPr>
              <w:fldChar w:fldCharType="end"/>
            </w:r>
          </w:hyperlink>
        </w:p>
        <w:p w14:paraId="031EC14C" w14:textId="5E45161A"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83" w:history="1">
            <w:r w:rsidRPr="005F3E41">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Instellingen</w:t>
            </w:r>
            <w:r>
              <w:rPr>
                <w:webHidden/>
              </w:rPr>
              <w:tab/>
            </w:r>
            <w:r>
              <w:rPr>
                <w:webHidden/>
              </w:rPr>
              <w:fldChar w:fldCharType="begin"/>
            </w:r>
            <w:r>
              <w:rPr>
                <w:webHidden/>
              </w:rPr>
              <w:instrText xml:space="preserve"> PAGEREF _Toc203144483 \h </w:instrText>
            </w:r>
            <w:r>
              <w:rPr>
                <w:webHidden/>
              </w:rPr>
            </w:r>
            <w:r>
              <w:rPr>
                <w:webHidden/>
              </w:rPr>
              <w:fldChar w:fldCharType="separate"/>
            </w:r>
            <w:r>
              <w:rPr>
                <w:webHidden/>
              </w:rPr>
              <w:t>8</w:t>
            </w:r>
            <w:r>
              <w:rPr>
                <w:webHidden/>
              </w:rPr>
              <w:fldChar w:fldCharType="end"/>
            </w:r>
          </w:hyperlink>
        </w:p>
        <w:p w14:paraId="4DEA4265" w14:textId="5DDDB5DA"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84" w:history="1">
            <w:r w:rsidRPr="005F3E41">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Dwarsprofielen</w:t>
            </w:r>
            <w:r>
              <w:rPr>
                <w:webHidden/>
              </w:rPr>
              <w:tab/>
            </w:r>
            <w:r>
              <w:rPr>
                <w:webHidden/>
              </w:rPr>
              <w:fldChar w:fldCharType="begin"/>
            </w:r>
            <w:r>
              <w:rPr>
                <w:webHidden/>
              </w:rPr>
              <w:instrText xml:space="preserve"> PAGEREF _Toc203144484 \h </w:instrText>
            </w:r>
            <w:r>
              <w:rPr>
                <w:webHidden/>
              </w:rPr>
            </w:r>
            <w:r>
              <w:rPr>
                <w:webHidden/>
              </w:rPr>
              <w:fldChar w:fldCharType="separate"/>
            </w:r>
            <w:r>
              <w:rPr>
                <w:webHidden/>
              </w:rPr>
              <w:t>9</w:t>
            </w:r>
            <w:r>
              <w:rPr>
                <w:webHidden/>
              </w:rPr>
              <w:fldChar w:fldCharType="end"/>
            </w:r>
          </w:hyperlink>
        </w:p>
        <w:p w14:paraId="2F0208F7" w14:textId="2A8DA77C"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85" w:history="1">
            <w:r w:rsidRPr="005F3E41">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Kar. punten</w:t>
            </w:r>
            <w:r>
              <w:rPr>
                <w:webHidden/>
              </w:rPr>
              <w:tab/>
            </w:r>
            <w:r>
              <w:rPr>
                <w:webHidden/>
              </w:rPr>
              <w:fldChar w:fldCharType="begin"/>
            </w:r>
            <w:r>
              <w:rPr>
                <w:webHidden/>
              </w:rPr>
              <w:instrText xml:space="preserve"> PAGEREF _Toc203144485 \h </w:instrText>
            </w:r>
            <w:r>
              <w:rPr>
                <w:webHidden/>
              </w:rPr>
            </w:r>
            <w:r>
              <w:rPr>
                <w:webHidden/>
              </w:rPr>
              <w:fldChar w:fldCharType="separate"/>
            </w:r>
            <w:r>
              <w:rPr>
                <w:webHidden/>
              </w:rPr>
              <w:t>9</w:t>
            </w:r>
            <w:r>
              <w:rPr>
                <w:webHidden/>
              </w:rPr>
              <w:fldChar w:fldCharType="end"/>
            </w:r>
          </w:hyperlink>
        </w:p>
        <w:p w14:paraId="7C1EC843" w14:textId="337CED27"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86" w:history="1">
            <w:r w:rsidRPr="005F3E41">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Sterkteparameters</w:t>
            </w:r>
            <w:r>
              <w:rPr>
                <w:webHidden/>
              </w:rPr>
              <w:tab/>
            </w:r>
            <w:r>
              <w:rPr>
                <w:webHidden/>
              </w:rPr>
              <w:fldChar w:fldCharType="begin"/>
            </w:r>
            <w:r>
              <w:rPr>
                <w:webHidden/>
              </w:rPr>
              <w:instrText xml:space="preserve"> PAGEREF _Toc203144486 \h </w:instrText>
            </w:r>
            <w:r>
              <w:rPr>
                <w:webHidden/>
              </w:rPr>
            </w:r>
            <w:r>
              <w:rPr>
                <w:webHidden/>
              </w:rPr>
              <w:fldChar w:fldCharType="separate"/>
            </w:r>
            <w:r>
              <w:rPr>
                <w:webHidden/>
              </w:rPr>
              <w:t>10</w:t>
            </w:r>
            <w:r>
              <w:rPr>
                <w:webHidden/>
              </w:rPr>
              <w:fldChar w:fldCharType="end"/>
            </w:r>
          </w:hyperlink>
        </w:p>
        <w:p w14:paraId="43F5BF0E" w14:textId="2DF4AFB5"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87" w:history="1">
            <w:r w:rsidRPr="005F3E41">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Bodemprofielen</w:t>
            </w:r>
            <w:r>
              <w:rPr>
                <w:webHidden/>
              </w:rPr>
              <w:tab/>
            </w:r>
            <w:r>
              <w:rPr>
                <w:webHidden/>
              </w:rPr>
              <w:fldChar w:fldCharType="begin"/>
            </w:r>
            <w:r>
              <w:rPr>
                <w:webHidden/>
              </w:rPr>
              <w:instrText xml:space="preserve"> PAGEREF _Toc203144487 \h </w:instrText>
            </w:r>
            <w:r>
              <w:rPr>
                <w:webHidden/>
              </w:rPr>
            </w:r>
            <w:r>
              <w:rPr>
                <w:webHidden/>
              </w:rPr>
              <w:fldChar w:fldCharType="separate"/>
            </w:r>
            <w:r>
              <w:rPr>
                <w:webHidden/>
              </w:rPr>
              <w:t>11</w:t>
            </w:r>
            <w:r>
              <w:rPr>
                <w:webHidden/>
              </w:rPr>
              <w:fldChar w:fldCharType="end"/>
            </w:r>
          </w:hyperlink>
        </w:p>
        <w:p w14:paraId="45AF5AB8" w14:textId="31A4E3C4"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88" w:history="1">
            <w:r w:rsidRPr="005F3E41">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Bodemopbouw</w:t>
            </w:r>
            <w:r>
              <w:rPr>
                <w:webHidden/>
              </w:rPr>
              <w:tab/>
            </w:r>
            <w:r>
              <w:rPr>
                <w:webHidden/>
              </w:rPr>
              <w:fldChar w:fldCharType="begin"/>
            </w:r>
            <w:r>
              <w:rPr>
                <w:webHidden/>
              </w:rPr>
              <w:instrText xml:space="preserve"> PAGEREF _Toc203144488 \h </w:instrText>
            </w:r>
            <w:r>
              <w:rPr>
                <w:webHidden/>
              </w:rPr>
            </w:r>
            <w:r>
              <w:rPr>
                <w:webHidden/>
              </w:rPr>
              <w:fldChar w:fldCharType="separate"/>
            </w:r>
            <w:r>
              <w:rPr>
                <w:webHidden/>
              </w:rPr>
              <w:t>11</w:t>
            </w:r>
            <w:r>
              <w:rPr>
                <w:webHidden/>
              </w:rPr>
              <w:fldChar w:fldCharType="end"/>
            </w:r>
          </w:hyperlink>
        </w:p>
        <w:p w14:paraId="73382E7D" w14:textId="4D1FB340"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89" w:history="1">
            <w:r w:rsidRPr="005F3E41">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Waterstanden</w:t>
            </w:r>
            <w:r>
              <w:rPr>
                <w:webHidden/>
              </w:rPr>
              <w:tab/>
            </w:r>
            <w:r>
              <w:rPr>
                <w:webHidden/>
              </w:rPr>
              <w:fldChar w:fldCharType="begin"/>
            </w:r>
            <w:r>
              <w:rPr>
                <w:webHidden/>
              </w:rPr>
              <w:instrText xml:space="preserve"> PAGEREF _Toc203144489 \h </w:instrText>
            </w:r>
            <w:r>
              <w:rPr>
                <w:webHidden/>
              </w:rPr>
            </w:r>
            <w:r>
              <w:rPr>
                <w:webHidden/>
              </w:rPr>
              <w:fldChar w:fldCharType="separate"/>
            </w:r>
            <w:r>
              <w:rPr>
                <w:webHidden/>
              </w:rPr>
              <w:t>12</w:t>
            </w:r>
            <w:r>
              <w:rPr>
                <w:webHidden/>
              </w:rPr>
              <w:fldChar w:fldCharType="end"/>
            </w:r>
          </w:hyperlink>
        </w:p>
        <w:p w14:paraId="4D5C75F5" w14:textId="4A1EAF7B"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90" w:history="1">
            <w:r w:rsidRPr="005F3E41">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Waterstandsets</w:t>
            </w:r>
            <w:r>
              <w:rPr>
                <w:webHidden/>
              </w:rPr>
              <w:tab/>
            </w:r>
            <w:r>
              <w:rPr>
                <w:webHidden/>
              </w:rPr>
              <w:fldChar w:fldCharType="begin"/>
            </w:r>
            <w:r>
              <w:rPr>
                <w:webHidden/>
              </w:rPr>
              <w:instrText xml:space="preserve"> PAGEREF _Toc203144490 \h </w:instrText>
            </w:r>
            <w:r>
              <w:rPr>
                <w:webHidden/>
              </w:rPr>
            </w:r>
            <w:r>
              <w:rPr>
                <w:webHidden/>
              </w:rPr>
              <w:fldChar w:fldCharType="separate"/>
            </w:r>
            <w:r>
              <w:rPr>
                <w:webHidden/>
              </w:rPr>
              <w:t>13</w:t>
            </w:r>
            <w:r>
              <w:rPr>
                <w:webHidden/>
              </w:rPr>
              <w:fldChar w:fldCharType="end"/>
            </w:r>
          </w:hyperlink>
        </w:p>
        <w:p w14:paraId="6F261E47" w14:textId="07BCEFB9"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91" w:history="1">
            <w:r w:rsidRPr="005F3E41">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Offset methodes</w:t>
            </w:r>
            <w:r>
              <w:rPr>
                <w:webHidden/>
              </w:rPr>
              <w:tab/>
            </w:r>
            <w:r>
              <w:rPr>
                <w:webHidden/>
              </w:rPr>
              <w:fldChar w:fldCharType="begin"/>
            </w:r>
            <w:r>
              <w:rPr>
                <w:webHidden/>
              </w:rPr>
              <w:instrText xml:space="preserve"> PAGEREF _Toc203144491 \h </w:instrText>
            </w:r>
            <w:r>
              <w:rPr>
                <w:webHidden/>
              </w:rPr>
            </w:r>
            <w:r>
              <w:rPr>
                <w:webHidden/>
              </w:rPr>
              <w:fldChar w:fldCharType="separate"/>
            </w:r>
            <w:r>
              <w:rPr>
                <w:webHidden/>
              </w:rPr>
              <w:t>13</w:t>
            </w:r>
            <w:r>
              <w:rPr>
                <w:webHidden/>
              </w:rPr>
              <w:fldChar w:fldCharType="end"/>
            </w:r>
          </w:hyperlink>
        </w:p>
        <w:p w14:paraId="246487AD" w14:textId="58196039"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92" w:history="1">
            <w:r w:rsidRPr="005F3E41">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Stijghoogtes</w:t>
            </w:r>
            <w:r>
              <w:rPr>
                <w:webHidden/>
              </w:rPr>
              <w:tab/>
            </w:r>
            <w:r>
              <w:rPr>
                <w:webHidden/>
              </w:rPr>
              <w:fldChar w:fldCharType="begin"/>
            </w:r>
            <w:r>
              <w:rPr>
                <w:webHidden/>
              </w:rPr>
              <w:instrText xml:space="preserve"> PAGEREF _Toc203144492 \h </w:instrText>
            </w:r>
            <w:r>
              <w:rPr>
                <w:webHidden/>
              </w:rPr>
            </w:r>
            <w:r>
              <w:rPr>
                <w:webHidden/>
              </w:rPr>
              <w:fldChar w:fldCharType="separate"/>
            </w:r>
            <w:r>
              <w:rPr>
                <w:webHidden/>
              </w:rPr>
              <w:t>15</w:t>
            </w:r>
            <w:r>
              <w:rPr>
                <w:webHidden/>
              </w:rPr>
              <w:fldChar w:fldCharType="end"/>
            </w:r>
          </w:hyperlink>
        </w:p>
        <w:p w14:paraId="3FB5B151" w14:textId="261885B5"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93" w:history="1">
            <w:r w:rsidRPr="005F3E41">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Referentielijnen</w:t>
            </w:r>
            <w:r>
              <w:rPr>
                <w:webHidden/>
              </w:rPr>
              <w:tab/>
            </w:r>
            <w:r>
              <w:rPr>
                <w:webHidden/>
              </w:rPr>
              <w:fldChar w:fldCharType="begin"/>
            </w:r>
            <w:r>
              <w:rPr>
                <w:webHidden/>
              </w:rPr>
              <w:instrText xml:space="preserve"> PAGEREF _Toc203144493 \h </w:instrText>
            </w:r>
            <w:r>
              <w:rPr>
                <w:webHidden/>
              </w:rPr>
            </w:r>
            <w:r>
              <w:rPr>
                <w:webHidden/>
              </w:rPr>
              <w:fldChar w:fldCharType="separate"/>
            </w:r>
            <w:r>
              <w:rPr>
                <w:webHidden/>
              </w:rPr>
              <w:t>16</w:t>
            </w:r>
            <w:r>
              <w:rPr>
                <w:webHidden/>
              </w:rPr>
              <w:fldChar w:fldCharType="end"/>
            </w:r>
          </w:hyperlink>
        </w:p>
        <w:p w14:paraId="3860567B" w14:textId="21F46A3A"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94" w:history="1">
            <w:r w:rsidRPr="005F3E41">
              <w:rPr>
                <w:rStyle w:val="Hyperlink"/>
              </w:rPr>
              <w:t>3.12</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Bekleding</w:t>
            </w:r>
            <w:r>
              <w:rPr>
                <w:webHidden/>
              </w:rPr>
              <w:tab/>
            </w:r>
            <w:r>
              <w:rPr>
                <w:webHidden/>
              </w:rPr>
              <w:fldChar w:fldCharType="begin"/>
            </w:r>
            <w:r>
              <w:rPr>
                <w:webHidden/>
              </w:rPr>
              <w:instrText xml:space="preserve"> PAGEREF _Toc203144494 \h </w:instrText>
            </w:r>
            <w:r>
              <w:rPr>
                <w:webHidden/>
              </w:rPr>
            </w:r>
            <w:r>
              <w:rPr>
                <w:webHidden/>
              </w:rPr>
              <w:fldChar w:fldCharType="separate"/>
            </w:r>
            <w:r>
              <w:rPr>
                <w:webHidden/>
              </w:rPr>
              <w:t>17</w:t>
            </w:r>
            <w:r>
              <w:rPr>
                <w:webHidden/>
              </w:rPr>
              <w:fldChar w:fldCharType="end"/>
            </w:r>
          </w:hyperlink>
        </w:p>
        <w:p w14:paraId="62E26F4B" w14:textId="51A8C65B"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95" w:history="1">
            <w:r w:rsidRPr="005F3E41">
              <w:rPr>
                <w:rStyle w:val="Hyperlink"/>
              </w:rPr>
              <w:t>3.13</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Belasting</w:t>
            </w:r>
            <w:r>
              <w:rPr>
                <w:webHidden/>
              </w:rPr>
              <w:tab/>
            </w:r>
            <w:r>
              <w:rPr>
                <w:webHidden/>
              </w:rPr>
              <w:fldChar w:fldCharType="begin"/>
            </w:r>
            <w:r>
              <w:rPr>
                <w:webHidden/>
              </w:rPr>
              <w:instrText xml:space="preserve"> PAGEREF _Toc203144495 \h </w:instrText>
            </w:r>
            <w:r>
              <w:rPr>
                <w:webHidden/>
              </w:rPr>
            </w:r>
            <w:r>
              <w:rPr>
                <w:webHidden/>
              </w:rPr>
              <w:fldChar w:fldCharType="separate"/>
            </w:r>
            <w:r>
              <w:rPr>
                <w:webHidden/>
              </w:rPr>
              <w:t>17</w:t>
            </w:r>
            <w:r>
              <w:rPr>
                <w:webHidden/>
              </w:rPr>
              <w:fldChar w:fldCharType="end"/>
            </w:r>
          </w:hyperlink>
        </w:p>
        <w:p w14:paraId="23D47C72" w14:textId="553AFBF7"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496" w:history="1">
            <w:r w:rsidRPr="005F3E41">
              <w:rPr>
                <w:rStyle w:val="Hyperlink"/>
              </w:rPr>
              <w:t>3.14</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Gridinstellingen</w:t>
            </w:r>
            <w:r>
              <w:rPr>
                <w:webHidden/>
              </w:rPr>
              <w:tab/>
            </w:r>
            <w:r>
              <w:rPr>
                <w:webHidden/>
              </w:rPr>
              <w:fldChar w:fldCharType="begin"/>
            </w:r>
            <w:r>
              <w:rPr>
                <w:webHidden/>
              </w:rPr>
              <w:instrText xml:space="preserve"> PAGEREF _Toc203144496 \h </w:instrText>
            </w:r>
            <w:r>
              <w:rPr>
                <w:webHidden/>
              </w:rPr>
            </w:r>
            <w:r>
              <w:rPr>
                <w:webHidden/>
              </w:rPr>
              <w:fldChar w:fldCharType="separate"/>
            </w:r>
            <w:r>
              <w:rPr>
                <w:webHidden/>
              </w:rPr>
              <w:t>18</w:t>
            </w:r>
            <w:r>
              <w:rPr>
                <w:webHidden/>
              </w:rPr>
              <w:fldChar w:fldCharType="end"/>
            </w:r>
          </w:hyperlink>
        </w:p>
        <w:p w14:paraId="29B6DFFB" w14:textId="2077FA05"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497" w:history="1">
            <w:r w:rsidRPr="005F3E41">
              <w:rPr>
                <w:rStyle w:val="Hyperlink"/>
                <w:noProof/>
              </w:rPr>
              <w:t>3.14.1</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Algemeen</w:t>
            </w:r>
            <w:r>
              <w:rPr>
                <w:noProof/>
                <w:webHidden/>
              </w:rPr>
              <w:tab/>
            </w:r>
            <w:r>
              <w:rPr>
                <w:noProof/>
                <w:webHidden/>
              </w:rPr>
              <w:fldChar w:fldCharType="begin"/>
            </w:r>
            <w:r>
              <w:rPr>
                <w:noProof/>
                <w:webHidden/>
              </w:rPr>
              <w:instrText xml:space="preserve"> PAGEREF _Toc203144497 \h </w:instrText>
            </w:r>
            <w:r>
              <w:rPr>
                <w:noProof/>
                <w:webHidden/>
              </w:rPr>
            </w:r>
            <w:r>
              <w:rPr>
                <w:noProof/>
                <w:webHidden/>
              </w:rPr>
              <w:fldChar w:fldCharType="separate"/>
            </w:r>
            <w:r>
              <w:rPr>
                <w:noProof/>
                <w:webHidden/>
              </w:rPr>
              <w:t>18</w:t>
            </w:r>
            <w:r>
              <w:rPr>
                <w:noProof/>
                <w:webHidden/>
              </w:rPr>
              <w:fldChar w:fldCharType="end"/>
            </w:r>
          </w:hyperlink>
        </w:p>
        <w:p w14:paraId="67BB6D5C" w14:textId="0A6CAAE6"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498" w:history="1">
            <w:r w:rsidRPr="005F3E41">
              <w:rPr>
                <w:rStyle w:val="Hyperlink"/>
                <w:noProof/>
              </w:rPr>
              <w:t>3.14.2</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Bishop</w:t>
            </w:r>
            <w:r>
              <w:rPr>
                <w:noProof/>
                <w:webHidden/>
              </w:rPr>
              <w:tab/>
            </w:r>
            <w:r>
              <w:rPr>
                <w:noProof/>
                <w:webHidden/>
              </w:rPr>
              <w:fldChar w:fldCharType="begin"/>
            </w:r>
            <w:r>
              <w:rPr>
                <w:noProof/>
                <w:webHidden/>
              </w:rPr>
              <w:instrText xml:space="preserve"> PAGEREF _Toc203144498 \h </w:instrText>
            </w:r>
            <w:r>
              <w:rPr>
                <w:noProof/>
                <w:webHidden/>
              </w:rPr>
            </w:r>
            <w:r>
              <w:rPr>
                <w:noProof/>
                <w:webHidden/>
              </w:rPr>
              <w:fldChar w:fldCharType="separate"/>
            </w:r>
            <w:r>
              <w:rPr>
                <w:noProof/>
                <w:webHidden/>
              </w:rPr>
              <w:t>18</w:t>
            </w:r>
            <w:r>
              <w:rPr>
                <w:noProof/>
                <w:webHidden/>
              </w:rPr>
              <w:fldChar w:fldCharType="end"/>
            </w:r>
          </w:hyperlink>
        </w:p>
        <w:p w14:paraId="1C5F3FB6" w14:textId="3A15A133"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499" w:history="1">
            <w:r w:rsidRPr="005F3E41">
              <w:rPr>
                <w:rStyle w:val="Hyperlink"/>
                <w:noProof/>
              </w:rPr>
              <w:t>3.14.3</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Uplift Van</w:t>
            </w:r>
            <w:r>
              <w:rPr>
                <w:noProof/>
                <w:webHidden/>
              </w:rPr>
              <w:tab/>
            </w:r>
            <w:r>
              <w:rPr>
                <w:noProof/>
                <w:webHidden/>
              </w:rPr>
              <w:fldChar w:fldCharType="begin"/>
            </w:r>
            <w:r>
              <w:rPr>
                <w:noProof/>
                <w:webHidden/>
              </w:rPr>
              <w:instrText xml:space="preserve"> PAGEREF _Toc203144499 \h </w:instrText>
            </w:r>
            <w:r>
              <w:rPr>
                <w:noProof/>
                <w:webHidden/>
              </w:rPr>
            </w:r>
            <w:r>
              <w:rPr>
                <w:noProof/>
                <w:webHidden/>
              </w:rPr>
              <w:fldChar w:fldCharType="separate"/>
            </w:r>
            <w:r>
              <w:rPr>
                <w:noProof/>
                <w:webHidden/>
              </w:rPr>
              <w:t>20</w:t>
            </w:r>
            <w:r>
              <w:rPr>
                <w:noProof/>
                <w:webHidden/>
              </w:rPr>
              <w:fldChar w:fldCharType="end"/>
            </w:r>
          </w:hyperlink>
        </w:p>
        <w:p w14:paraId="0D1BE211" w14:textId="2E135715"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500" w:history="1">
            <w:r w:rsidRPr="005F3E41">
              <w:rPr>
                <w:rStyle w:val="Hyperlink"/>
                <w:noProof/>
              </w:rPr>
              <w:t>3.14.4</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Randvoorwaardes glijvlak</w:t>
            </w:r>
            <w:r>
              <w:rPr>
                <w:noProof/>
                <w:webHidden/>
              </w:rPr>
              <w:tab/>
            </w:r>
            <w:r>
              <w:rPr>
                <w:noProof/>
                <w:webHidden/>
              </w:rPr>
              <w:fldChar w:fldCharType="begin"/>
            </w:r>
            <w:r>
              <w:rPr>
                <w:noProof/>
                <w:webHidden/>
              </w:rPr>
              <w:instrText xml:space="preserve"> PAGEREF _Toc203144500 \h </w:instrText>
            </w:r>
            <w:r>
              <w:rPr>
                <w:noProof/>
                <w:webHidden/>
              </w:rPr>
            </w:r>
            <w:r>
              <w:rPr>
                <w:noProof/>
                <w:webHidden/>
              </w:rPr>
              <w:fldChar w:fldCharType="separate"/>
            </w:r>
            <w:r>
              <w:rPr>
                <w:noProof/>
                <w:webHidden/>
              </w:rPr>
              <w:t>20</w:t>
            </w:r>
            <w:r>
              <w:rPr>
                <w:noProof/>
                <w:webHidden/>
              </w:rPr>
              <w:fldChar w:fldCharType="end"/>
            </w:r>
          </w:hyperlink>
        </w:p>
        <w:p w14:paraId="01BC5B74" w14:textId="289DF408"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501" w:history="1">
            <w:r w:rsidRPr="005F3E41">
              <w:rPr>
                <w:rStyle w:val="Hyperlink"/>
              </w:rPr>
              <w:t>3.15</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Berekeningen</w:t>
            </w:r>
            <w:r>
              <w:rPr>
                <w:webHidden/>
              </w:rPr>
              <w:tab/>
            </w:r>
            <w:r>
              <w:rPr>
                <w:webHidden/>
              </w:rPr>
              <w:fldChar w:fldCharType="begin"/>
            </w:r>
            <w:r>
              <w:rPr>
                <w:webHidden/>
              </w:rPr>
              <w:instrText xml:space="preserve"> PAGEREF _Toc203144501 \h </w:instrText>
            </w:r>
            <w:r>
              <w:rPr>
                <w:webHidden/>
              </w:rPr>
            </w:r>
            <w:r>
              <w:rPr>
                <w:webHidden/>
              </w:rPr>
              <w:fldChar w:fldCharType="separate"/>
            </w:r>
            <w:r>
              <w:rPr>
                <w:webHidden/>
              </w:rPr>
              <w:t>21</w:t>
            </w:r>
            <w:r>
              <w:rPr>
                <w:webHidden/>
              </w:rPr>
              <w:fldChar w:fldCharType="end"/>
            </w:r>
          </w:hyperlink>
        </w:p>
        <w:p w14:paraId="320D2A3D" w14:textId="11262D38" w:rsidR="004A1B16" w:rsidRDefault="004A1B16">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03144502" w:history="1">
            <w:r w:rsidRPr="005F3E41">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5F3E41">
              <w:rPr>
                <w:rStyle w:val="Hyperlink"/>
              </w:rPr>
              <w:t>Technische documentatie</w:t>
            </w:r>
            <w:r>
              <w:rPr>
                <w:webHidden/>
              </w:rPr>
              <w:tab/>
            </w:r>
            <w:r>
              <w:rPr>
                <w:webHidden/>
              </w:rPr>
              <w:fldChar w:fldCharType="begin"/>
            </w:r>
            <w:r>
              <w:rPr>
                <w:webHidden/>
              </w:rPr>
              <w:instrText xml:space="preserve"> PAGEREF _Toc203144502 \h </w:instrText>
            </w:r>
            <w:r>
              <w:rPr>
                <w:webHidden/>
              </w:rPr>
            </w:r>
            <w:r>
              <w:rPr>
                <w:webHidden/>
              </w:rPr>
              <w:fldChar w:fldCharType="separate"/>
            </w:r>
            <w:r>
              <w:rPr>
                <w:webHidden/>
              </w:rPr>
              <w:t>23</w:t>
            </w:r>
            <w:r>
              <w:rPr>
                <w:webHidden/>
              </w:rPr>
              <w:fldChar w:fldCharType="end"/>
            </w:r>
          </w:hyperlink>
        </w:p>
        <w:p w14:paraId="3E1A2960" w14:textId="4CF07445"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503" w:history="1">
            <w:r w:rsidRPr="005F3E41">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Geometrie</w:t>
            </w:r>
            <w:r>
              <w:rPr>
                <w:webHidden/>
              </w:rPr>
              <w:tab/>
            </w:r>
            <w:r>
              <w:rPr>
                <w:webHidden/>
              </w:rPr>
              <w:fldChar w:fldCharType="begin"/>
            </w:r>
            <w:r>
              <w:rPr>
                <w:webHidden/>
              </w:rPr>
              <w:instrText xml:space="preserve"> PAGEREF _Toc203144503 \h </w:instrText>
            </w:r>
            <w:r>
              <w:rPr>
                <w:webHidden/>
              </w:rPr>
            </w:r>
            <w:r>
              <w:rPr>
                <w:webHidden/>
              </w:rPr>
              <w:fldChar w:fldCharType="separate"/>
            </w:r>
            <w:r>
              <w:rPr>
                <w:webHidden/>
              </w:rPr>
              <w:t>23</w:t>
            </w:r>
            <w:r>
              <w:rPr>
                <w:webHidden/>
              </w:rPr>
              <w:fldChar w:fldCharType="end"/>
            </w:r>
          </w:hyperlink>
        </w:p>
        <w:p w14:paraId="0CB20FBC" w14:textId="5FAC5416"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504" w:history="1">
            <w:r w:rsidRPr="005F3E41">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Het L-coördinaat</w:t>
            </w:r>
            <w:r>
              <w:rPr>
                <w:noProof/>
                <w:webHidden/>
              </w:rPr>
              <w:tab/>
            </w:r>
            <w:r>
              <w:rPr>
                <w:noProof/>
                <w:webHidden/>
              </w:rPr>
              <w:fldChar w:fldCharType="begin"/>
            </w:r>
            <w:r>
              <w:rPr>
                <w:noProof/>
                <w:webHidden/>
              </w:rPr>
              <w:instrText xml:space="preserve"> PAGEREF _Toc203144504 \h </w:instrText>
            </w:r>
            <w:r>
              <w:rPr>
                <w:noProof/>
                <w:webHidden/>
              </w:rPr>
            </w:r>
            <w:r>
              <w:rPr>
                <w:noProof/>
                <w:webHidden/>
              </w:rPr>
              <w:fldChar w:fldCharType="separate"/>
            </w:r>
            <w:r>
              <w:rPr>
                <w:noProof/>
                <w:webHidden/>
              </w:rPr>
              <w:t>23</w:t>
            </w:r>
            <w:r>
              <w:rPr>
                <w:noProof/>
                <w:webHidden/>
              </w:rPr>
              <w:fldChar w:fldCharType="end"/>
            </w:r>
          </w:hyperlink>
        </w:p>
        <w:p w14:paraId="26125A31" w14:textId="5C106892"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505" w:history="1">
            <w:r w:rsidRPr="005F3E41">
              <w:rPr>
                <w:rStyle w:val="Hyperlink"/>
                <w:highlight w:val="yellow"/>
              </w:rPr>
              <w:t>4.2</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highlight w:val="yellow"/>
              </w:rPr>
              <w:t>Bodemopbouw</w:t>
            </w:r>
            <w:r>
              <w:rPr>
                <w:webHidden/>
              </w:rPr>
              <w:tab/>
            </w:r>
            <w:r>
              <w:rPr>
                <w:webHidden/>
              </w:rPr>
              <w:fldChar w:fldCharType="begin"/>
            </w:r>
            <w:r>
              <w:rPr>
                <w:webHidden/>
              </w:rPr>
              <w:instrText xml:space="preserve"> PAGEREF _Toc203144505 \h </w:instrText>
            </w:r>
            <w:r>
              <w:rPr>
                <w:webHidden/>
              </w:rPr>
            </w:r>
            <w:r>
              <w:rPr>
                <w:webHidden/>
              </w:rPr>
              <w:fldChar w:fldCharType="separate"/>
            </w:r>
            <w:r>
              <w:rPr>
                <w:webHidden/>
              </w:rPr>
              <w:t>23</w:t>
            </w:r>
            <w:r>
              <w:rPr>
                <w:webHidden/>
              </w:rPr>
              <w:fldChar w:fldCharType="end"/>
            </w:r>
          </w:hyperlink>
        </w:p>
        <w:p w14:paraId="291ADACD" w14:textId="20D48C94"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506" w:history="1">
            <w:r w:rsidRPr="005F3E41">
              <w:rPr>
                <w:rStyle w:val="Hyperlink"/>
                <w:highlight w:val="yellow"/>
              </w:rPr>
              <w:t>4.3</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highlight w:val="yellow"/>
              </w:rPr>
              <w:t>Waterspanningen</w:t>
            </w:r>
            <w:r>
              <w:rPr>
                <w:webHidden/>
              </w:rPr>
              <w:tab/>
            </w:r>
            <w:r>
              <w:rPr>
                <w:webHidden/>
              </w:rPr>
              <w:fldChar w:fldCharType="begin"/>
            </w:r>
            <w:r>
              <w:rPr>
                <w:webHidden/>
              </w:rPr>
              <w:instrText xml:space="preserve"> PAGEREF _Toc203144506 \h </w:instrText>
            </w:r>
            <w:r>
              <w:rPr>
                <w:webHidden/>
              </w:rPr>
            </w:r>
            <w:r>
              <w:rPr>
                <w:webHidden/>
              </w:rPr>
              <w:fldChar w:fldCharType="separate"/>
            </w:r>
            <w:r>
              <w:rPr>
                <w:webHidden/>
              </w:rPr>
              <w:t>23</w:t>
            </w:r>
            <w:r>
              <w:rPr>
                <w:webHidden/>
              </w:rPr>
              <w:fldChar w:fldCharType="end"/>
            </w:r>
          </w:hyperlink>
        </w:p>
        <w:p w14:paraId="0648AB84" w14:textId="4CF527B5"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507" w:history="1">
            <w:r w:rsidRPr="005F3E41">
              <w:rPr>
                <w:rStyle w:val="Hyperlink"/>
                <w:noProof/>
                <w:highlight w:val="yellow"/>
              </w:rPr>
              <w:t>4.3.1</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highlight w:val="yellow"/>
              </w:rPr>
              <w:t>Offset methode</w:t>
            </w:r>
            <w:r>
              <w:rPr>
                <w:noProof/>
                <w:webHidden/>
              </w:rPr>
              <w:tab/>
            </w:r>
            <w:r>
              <w:rPr>
                <w:noProof/>
                <w:webHidden/>
              </w:rPr>
              <w:fldChar w:fldCharType="begin"/>
            </w:r>
            <w:r>
              <w:rPr>
                <w:noProof/>
                <w:webHidden/>
              </w:rPr>
              <w:instrText xml:space="preserve"> PAGEREF _Toc203144507 \h </w:instrText>
            </w:r>
            <w:r>
              <w:rPr>
                <w:noProof/>
                <w:webHidden/>
              </w:rPr>
            </w:r>
            <w:r>
              <w:rPr>
                <w:noProof/>
                <w:webHidden/>
              </w:rPr>
              <w:fldChar w:fldCharType="separate"/>
            </w:r>
            <w:r>
              <w:rPr>
                <w:noProof/>
                <w:webHidden/>
              </w:rPr>
              <w:t>23</w:t>
            </w:r>
            <w:r>
              <w:rPr>
                <w:noProof/>
                <w:webHidden/>
              </w:rPr>
              <w:fldChar w:fldCharType="end"/>
            </w:r>
          </w:hyperlink>
        </w:p>
        <w:p w14:paraId="2CE88D8B" w14:textId="6DBFCC0A"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508" w:history="1">
            <w:r w:rsidRPr="005F3E41">
              <w:rPr>
                <w:rStyle w:val="Hyperlink"/>
                <w:noProof/>
              </w:rPr>
              <w:t>4.3.2</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Freatische lijn</w:t>
            </w:r>
            <w:r>
              <w:rPr>
                <w:noProof/>
                <w:webHidden/>
              </w:rPr>
              <w:tab/>
            </w:r>
            <w:r>
              <w:rPr>
                <w:noProof/>
                <w:webHidden/>
              </w:rPr>
              <w:fldChar w:fldCharType="begin"/>
            </w:r>
            <w:r>
              <w:rPr>
                <w:noProof/>
                <w:webHidden/>
              </w:rPr>
              <w:instrText xml:space="preserve"> PAGEREF _Toc203144508 \h </w:instrText>
            </w:r>
            <w:r>
              <w:rPr>
                <w:noProof/>
                <w:webHidden/>
              </w:rPr>
            </w:r>
            <w:r>
              <w:rPr>
                <w:noProof/>
                <w:webHidden/>
              </w:rPr>
              <w:fldChar w:fldCharType="separate"/>
            </w:r>
            <w:r>
              <w:rPr>
                <w:noProof/>
                <w:webHidden/>
              </w:rPr>
              <w:t>23</w:t>
            </w:r>
            <w:r>
              <w:rPr>
                <w:noProof/>
                <w:webHidden/>
              </w:rPr>
              <w:fldChar w:fldCharType="end"/>
            </w:r>
          </w:hyperlink>
        </w:p>
        <w:p w14:paraId="708AD5E0" w14:textId="0DC94626"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509" w:history="1">
            <w:r w:rsidRPr="005F3E41">
              <w:rPr>
                <w:rStyle w:val="Hyperlink"/>
                <w:noProof/>
              </w:rPr>
              <w:t>4.3.3</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Stijghoogte</w:t>
            </w:r>
            <w:r>
              <w:rPr>
                <w:noProof/>
                <w:webHidden/>
              </w:rPr>
              <w:tab/>
            </w:r>
            <w:r>
              <w:rPr>
                <w:noProof/>
                <w:webHidden/>
              </w:rPr>
              <w:fldChar w:fldCharType="begin"/>
            </w:r>
            <w:r>
              <w:rPr>
                <w:noProof/>
                <w:webHidden/>
              </w:rPr>
              <w:instrText xml:space="preserve"> PAGEREF _Toc203144509 \h </w:instrText>
            </w:r>
            <w:r>
              <w:rPr>
                <w:noProof/>
                <w:webHidden/>
              </w:rPr>
            </w:r>
            <w:r>
              <w:rPr>
                <w:noProof/>
                <w:webHidden/>
              </w:rPr>
              <w:fldChar w:fldCharType="separate"/>
            </w:r>
            <w:r>
              <w:rPr>
                <w:noProof/>
                <w:webHidden/>
              </w:rPr>
              <w:t>25</w:t>
            </w:r>
            <w:r>
              <w:rPr>
                <w:noProof/>
                <w:webHidden/>
              </w:rPr>
              <w:fldChar w:fldCharType="end"/>
            </w:r>
          </w:hyperlink>
        </w:p>
        <w:p w14:paraId="193BDE0D" w14:textId="545A21B8"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510" w:history="1">
            <w:r w:rsidRPr="005F3E41">
              <w:rPr>
                <w:rStyle w:val="Hyperlink"/>
                <w:noProof/>
              </w:rPr>
              <w:t>4.3.4</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Afleiden uit ander scenario</w:t>
            </w:r>
            <w:r>
              <w:rPr>
                <w:noProof/>
                <w:webHidden/>
              </w:rPr>
              <w:tab/>
            </w:r>
            <w:r>
              <w:rPr>
                <w:noProof/>
                <w:webHidden/>
              </w:rPr>
              <w:fldChar w:fldCharType="begin"/>
            </w:r>
            <w:r>
              <w:rPr>
                <w:noProof/>
                <w:webHidden/>
              </w:rPr>
              <w:instrText xml:space="preserve"> PAGEREF _Toc203144510 \h </w:instrText>
            </w:r>
            <w:r>
              <w:rPr>
                <w:noProof/>
                <w:webHidden/>
              </w:rPr>
            </w:r>
            <w:r>
              <w:rPr>
                <w:noProof/>
                <w:webHidden/>
              </w:rPr>
              <w:fldChar w:fldCharType="separate"/>
            </w:r>
            <w:r>
              <w:rPr>
                <w:noProof/>
                <w:webHidden/>
              </w:rPr>
              <w:t>26</w:t>
            </w:r>
            <w:r>
              <w:rPr>
                <w:noProof/>
                <w:webHidden/>
              </w:rPr>
              <w:fldChar w:fldCharType="end"/>
            </w:r>
          </w:hyperlink>
        </w:p>
        <w:p w14:paraId="28C24CF3" w14:textId="5FD38FA8" w:rsidR="004A1B16" w:rsidRDefault="004A1B16">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3144511" w:history="1">
            <w:r w:rsidRPr="005F3E41">
              <w:rPr>
                <w:rStyle w:val="Hyperlink"/>
                <w:noProof/>
              </w:rPr>
              <w:t>4.3.5</w:t>
            </w:r>
            <w:r>
              <w:rPr>
                <w:rFonts w:asciiTheme="minorHAnsi" w:eastAsiaTheme="minorEastAsia" w:hAnsiTheme="minorHAnsi" w:cstheme="minorBidi"/>
                <w:noProof/>
                <w:color w:val="auto"/>
                <w:kern w:val="2"/>
                <w:sz w:val="24"/>
                <w:szCs w:val="24"/>
                <w:lang w:eastAsia="nl-NL"/>
                <w14:ligatures w14:val="standardContextual"/>
              </w:rPr>
              <w:tab/>
            </w:r>
            <w:r w:rsidRPr="005F3E41">
              <w:rPr>
                <w:rStyle w:val="Hyperlink"/>
                <w:noProof/>
              </w:rPr>
              <w:t>Referentielijn</w:t>
            </w:r>
            <w:r>
              <w:rPr>
                <w:noProof/>
                <w:webHidden/>
              </w:rPr>
              <w:tab/>
            </w:r>
            <w:r>
              <w:rPr>
                <w:noProof/>
                <w:webHidden/>
              </w:rPr>
              <w:fldChar w:fldCharType="begin"/>
            </w:r>
            <w:r>
              <w:rPr>
                <w:noProof/>
                <w:webHidden/>
              </w:rPr>
              <w:instrText xml:space="preserve"> PAGEREF _Toc203144511 \h </w:instrText>
            </w:r>
            <w:r>
              <w:rPr>
                <w:noProof/>
                <w:webHidden/>
              </w:rPr>
            </w:r>
            <w:r>
              <w:rPr>
                <w:noProof/>
                <w:webHidden/>
              </w:rPr>
              <w:fldChar w:fldCharType="separate"/>
            </w:r>
            <w:r>
              <w:rPr>
                <w:noProof/>
                <w:webHidden/>
              </w:rPr>
              <w:t>26</w:t>
            </w:r>
            <w:r>
              <w:rPr>
                <w:noProof/>
                <w:webHidden/>
              </w:rPr>
              <w:fldChar w:fldCharType="end"/>
            </w:r>
          </w:hyperlink>
        </w:p>
        <w:p w14:paraId="410ED0E8" w14:textId="3B17F71E" w:rsidR="004A1B16" w:rsidRDefault="004A1B16">
          <w:pPr>
            <w:pStyle w:val="Inhopg2"/>
            <w:rPr>
              <w:rFonts w:asciiTheme="minorHAnsi" w:eastAsiaTheme="minorEastAsia" w:hAnsiTheme="minorHAnsi" w:cstheme="minorBidi"/>
              <w:color w:val="auto"/>
              <w:kern w:val="2"/>
              <w:sz w:val="24"/>
              <w:szCs w:val="24"/>
              <w:lang w:eastAsia="nl-NL"/>
              <w14:ligatures w14:val="standardContextual"/>
            </w:rPr>
          </w:pPr>
          <w:hyperlink w:anchor="_Toc203144512" w:history="1">
            <w:r w:rsidRPr="005F3E41">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5F3E41">
              <w:rPr>
                <w:rStyle w:val="Hyperlink"/>
              </w:rPr>
              <w:t>State points</w:t>
            </w:r>
            <w:r>
              <w:rPr>
                <w:webHidden/>
              </w:rPr>
              <w:tab/>
            </w:r>
            <w:r>
              <w:rPr>
                <w:webHidden/>
              </w:rPr>
              <w:fldChar w:fldCharType="begin"/>
            </w:r>
            <w:r>
              <w:rPr>
                <w:webHidden/>
              </w:rPr>
              <w:instrText xml:space="preserve"> PAGEREF _Toc203144512 \h </w:instrText>
            </w:r>
            <w:r>
              <w:rPr>
                <w:webHidden/>
              </w:rPr>
            </w:r>
            <w:r>
              <w:rPr>
                <w:webHidden/>
              </w:rPr>
              <w:fldChar w:fldCharType="separate"/>
            </w:r>
            <w:r>
              <w:rPr>
                <w:webHidden/>
              </w:rPr>
              <w:t>27</w:t>
            </w:r>
            <w:r>
              <w:rPr>
                <w:webHidden/>
              </w:rPr>
              <w:fldChar w:fldCharType="end"/>
            </w:r>
          </w:hyperlink>
        </w:p>
        <w:p w14:paraId="56115B12" w14:textId="70712AD2"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lastRenderedPageBreak/>
        <w:t xml:space="preserve"> </w:t>
      </w:r>
      <w:r w:rsidR="00066107" w:rsidRPr="00097CA6">
        <w:t>Bijlagen</w:t>
      </w:r>
    </w:p>
    <w:p w14:paraId="591F04A9" w14:textId="61E5D3EF" w:rsidR="004A1B16"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203144467" w:history="1">
        <w:r w:rsidR="004A1B16" w:rsidRPr="00353EA2">
          <w:rPr>
            <w:rStyle w:val="Hyperlink"/>
          </w:rPr>
          <w:t>Bijlage 1.</w:t>
        </w:r>
        <w:r w:rsidR="004A1B16">
          <w:rPr>
            <w:rFonts w:asciiTheme="minorHAnsi" w:eastAsiaTheme="minorEastAsia" w:hAnsiTheme="minorHAnsi" w:cstheme="minorBidi"/>
            <w:color w:val="auto"/>
            <w:kern w:val="2"/>
            <w:sz w:val="24"/>
            <w:szCs w:val="24"/>
            <w:lang w:eastAsia="nl-NL"/>
            <w14:ligatures w14:val="standardContextual"/>
          </w:rPr>
          <w:tab/>
        </w:r>
        <w:r w:rsidR="004A1B16" w:rsidRPr="00353EA2">
          <w:rPr>
            <w:rStyle w:val="Hyperlink"/>
          </w:rPr>
          <w:t>Bijlage</w:t>
        </w:r>
      </w:hyperlink>
    </w:p>
    <w:p w14:paraId="36E6DE88" w14:textId="1602A236"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3" w:name="_Toc203144468"/>
      <w:commentRangeStart w:id="14"/>
      <w:r w:rsidRPr="00E24872">
        <w:lastRenderedPageBreak/>
        <w:t>Inleiding</w:t>
      </w:r>
      <w:bookmarkEnd w:id="7"/>
      <w:bookmarkEnd w:id="6"/>
      <w:bookmarkEnd w:id="5"/>
      <w:bookmarkEnd w:id="4"/>
      <w:bookmarkEnd w:id="3"/>
      <w:bookmarkEnd w:id="2"/>
      <w:bookmarkEnd w:id="1"/>
      <w:bookmarkEnd w:id="0"/>
      <w:commentRangeEnd w:id="14"/>
      <w:r w:rsidR="0071374E">
        <w:rPr>
          <w:rStyle w:val="Verwijzingopmerking"/>
          <w:rFonts w:eastAsiaTheme="minorHAnsi" w:cs="Verdana"/>
          <w:b w:val="0"/>
          <w:bCs w:val="0"/>
          <w:color w:val="221E1F"/>
        </w:rPr>
        <w:commentReference w:id="14"/>
      </w:r>
      <w:bookmarkEnd w:id="13"/>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203144469"/>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F88B88E"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1F3CA12F" w:rsidR="00C43E69" w:rsidRDefault="005547A4" w:rsidP="00BB4B84">
      <w:pPr>
        <w:pStyle w:val="Plattetekst"/>
        <w:numPr>
          <w:ilvl w:val="0"/>
          <w:numId w:val="19"/>
        </w:numPr>
      </w:pPr>
      <w:r>
        <w:t xml:space="preserve">Toevoegen van </w:t>
      </w:r>
      <w:r w:rsidR="000A5302">
        <w:t>meerdere</w:t>
      </w:r>
      <w:r>
        <w:t xml:space="preserv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37AF930F" w:rsidR="00C369E9" w:rsidRDefault="00C468F1" w:rsidP="00BB4B84">
      <w:pPr>
        <w:pStyle w:val="Plattetekst"/>
        <w:numPr>
          <w:ilvl w:val="0"/>
          <w:numId w:val="19"/>
        </w:numPr>
      </w:pPr>
      <w:r>
        <w:t xml:space="preserve">Toevoegen van </w:t>
      </w:r>
      <w:r w:rsidR="00A950F3">
        <w:t>(</w:t>
      </w:r>
      <w:proofErr w:type="spellStart"/>
      <w:r w:rsidR="00A950F3">
        <w:t>verkeers</w:t>
      </w:r>
      <w:proofErr w:type="spellEnd"/>
      <w:r w:rsidR="00A950F3">
        <w:t>)</w:t>
      </w:r>
      <w:r>
        <w:t>belastingen op basis van karakteristieke punten</w:t>
      </w:r>
      <w:r w:rsidR="005A6120">
        <w:t>. Het consolidatiepercentage wordt als grondeigenschap opgegeven.</w:t>
      </w:r>
    </w:p>
    <w:p w14:paraId="63228297" w14:textId="74DEB498" w:rsidR="00EE5DAC" w:rsidRDefault="00801245" w:rsidP="004448C7">
      <w:pPr>
        <w:pStyle w:val="Plattetekst"/>
        <w:numPr>
          <w:ilvl w:val="0"/>
          <w:numId w:val="19"/>
        </w:numPr>
      </w:pPr>
      <w:r>
        <w:t xml:space="preserve">Schematiseren van </w:t>
      </w:r>
      <w:r w:rsidR="00EE5DAC">
        <w:t>stijghoogtelijnen en referentielijnen</w:t>
      </w:r>
      <w:r>
        <w:t xml:space="preserve"> met behulp van</w:t>
      </w:r>
      <w:r w:rsidR="0060656A">
        <w:t xml:space="preserve"> een</w:t>
      </w:r>
      <w:r w:rsidR="004A216A">
        <w:t xml:space="preserve"> methode met</w:t>
      </w:r>
      <w:r w:rsidR="0060656A">
        <w:t xml:space="preserve"> ‘</w:t>
      </w:r>
      <w:proofErr w:type="spellStart"/>
      <w:r w:rsidR="0060656A">
        <w:t>offset</w:t>
      </w:r>
      <w:r w:rsidR="004A216A">
        <w:t>s</w:t>
      </w:r>
      <w:proofErr w:type="spellEnd"/>
      <w:r w:rsidR="0060656A">
        <w:t>’</w:t>
      </w:r>
      <w:r w:rsidR="00EE5DAC">
        <w:t>.</w:t>
      </w:r>
    </w:p>
    <w:p w14:paraId="5ED04770" w14:textId="3FA35759" w:rsidR="004A7D53" w:rsidRDefault="004A7D53" w:rsidP="004A7D53">
      <w:pPr>
        <w:pStyle w:val="Plattetekst"/>
        <w:numPr>
          <w:ilvl w:val="0"/>
          <w:numId w:val="19"/>
        </w:numPr>
      </w:pPr>
      <w:r>
        <w:t>Toepassen van een minimale afstand tot het maaiveld voor de freatische lijn binnen een bepaalde zone.</w:t>
      </w:r>
    </w:p>
    <w:p w14:paraId="6435AD39" w14:textId="1E617AF8" w:rsidR="000F37E9" w:rsidRDefault="00EE5DAC" w:rsidP="004448C7">
      <w:pPr>
        <w:pStyle w:val="Plattetekst"/>
        <w:numPr>
          <w:ilvl w:val="0"/>
          <w:numId w:val="19"/>
        </w:numPr>
      </w:pPr>
      <w:r>
        <w:t xml:space="preserve">Schematiseren van </w:t>
      </w:r>
      <w:r w:rsidR="000F37E9">
        <w:t>referentielijnen</w:t>
      </w:r>
      <w:r w:rsidR="004A216A">
        <w:t xml:space="preserve"> op basis van watervoerende lagen</w:t>
      </w:r>
      <w:r w:rsidR="000F37E9">
        <w:t>.</w:t>
      </w:r>
    </w:p>
    <w:p w14:paraId="57BAC102" w14:textId="2F09830B" w:rsidR="005A6120" w:rsidRDefault="000F37E9" w:rsidP="004448C7">
      <w:pPr>
        <w:pStyle w:val="Plattetekst"/>
        <w:numPr>
          <w:ilvl w:val="0"/>
          <w:numId w:val="19"/>
        </w:numPr>
      </w:pPr>
      <w:r>
        <w:t>Schematiseren van referentielijnen</w:t>
      </w:r>
      <w:r w:rsidR="004A216A">
        <w:t xml:space="preserve"> met behulp van een indringingslengte</w:t>
      </w:r>
      <w:r>
        <w:t xml:space="preserve"> vanaf een watervoerende laag</w:t>
      </w:r>
      <w:r w:rsidR="004A216A">
        <w:t>.</w:t>
      </w:r>
    </w:p>
    <w:p w14:paraId="41BABA71" w14:textId="590F073D" w:rsidR="00A950F3" w:rsidRDefault="00A950F3" w:rsidP="004448C7">
      <w:pPr>
        <w:pStyle w:val="Plattetekst"/>
        <w:numPr>
          <w:ilvl w:val="0"/>
          <w:numId w:val="19"/>
        </w:numPr>
      </w:pPr>
      <w:r>
        <w:t xml:space="preserve">Berekenen van de stijghoogte </w:t>
      </w:r>
      <w:r w:rsidR="00B3377A">
        <w:t xml:space="preserve">langs een referentielijn </w:t>
      </w:r>
      <w:r w:rsidR="00304677">
        <w:t>in een eerdere fase, waarbij de referentielijn met de</w:t>
      </w:r>
      <w:r w:rsidR="00AB711A">
        <w:t>ze stijghoogte wordt toegepast in een latere fase. Dit is voor de schematisering van</w:t>
      </w:r>
      <w:r w:rsidR="00BF5041">
        <w:t xml:space="preserve"> </w:t>
      </w:r>
      <w:r w:rsidR="004A7D53">
        <w:t xml:space="preserve">een </w:t>
      </w:r>
      <w:r w:rsidR="00BF5041">
        <w:t>indringingslaag</w:t>
      </w:r>
      <w:r w:rsidR="004A7D53">
        <w:t xml:space="preserve"> waarbij ter plaatse van de referentielijn de stijghoogte uit een voorgaande fase heerst.</w:t>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18617271" w:rsidR="001A2E5A" w:rsidRDefault="0076344F" w:rsidP="00BB4B84">
      <w:pPr>
        <w:pStyle w:val="Plattetekst"/>
        <w:numPr>
          <w:ilvl w:val="0"/>
          <w:numId w:val="19"/>
        </w:numPr>
      </w:pPr>
      <w:r>
        <w:t xml:space="preserve">Toevoegen van </w:t>
      </w:r>
      <w:r w:rsidR="00DC67B4">
        <w:t xml:space="preserve">minimale glijvlakafmetingen en in-/uittredezones </w:t>
      </w:r>
      <w:r>
        <w:t>op basis van karakteristieke punten.</w:t>
      </w:r>
    </w:p>
    <w:p w14:paraId="25ADE184" w14:textId="76FA1250" w:rsidR="0076344F" w:rsidRDefault="00F23628" w:rsidP="00BB4B84">
      <w:pPr>
        <w:pStyle w:val="Plattetekst"/>
        <w:numPr>
          <w:ilvl w:val="0"/>
          <w:numId w:val="19"/>
        </w:numPr>
      </w:pPr>
      <w:r>
        <w:t xml:space="preserve">In batch opstellen van berekeningen met </w:t>
      </w:r>
      <w:r w:rsidR="00DC67B4">
        <w:t>het</w:t>
      </w:r>
      <w:r>
        <w:t xml:space="preserve">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7" w:name="_Toc203144470"/>
      <w:r>
        <w:t>Versiebeheer</w:t>
      </w:r>
      <w:bookmarkEnd w:id="17"/>
    </w:p>
    <w:p w14:paraId="59162E25" w14:textId="5BEECEC0" w:rsidR="00A65A2B" w:rsidRDefault="00A65A2B" w:rsidP="00AE7295">
      <w:pPr>
        <w:pStyle w:val="Bijschrift"/>
      </w:pPr>
      <w:r>
        <w:t xml:space="preserve">tabel </w:t>
      </w:r>
      <w:fldSimple w:instr=" STYLEREF 1 \s ">
        <w:r w:rsidR="004A1B16">
          <w:rPr>
            <w:noProof/>
          </w:rPr>
          <w:t>1</w:t>
        </w:r>
      </w:fldSimple>
      <w:r>
        <w:t>.</w:t>
      </w:r>
      <w:fldSimple w:instr=" SEQ tabel \* ARABIC \s 1 ">
        <w:r w:rsidR="004A1B16">
          <w:rPr>
            <w:noProof/>
          </w:rPr>
          <w:t>1</w:t>
        </w:r>
      </w:fldSimple>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tcPr>
          <w:p w14:paraId="417CCE08" w14:textId="77777777" w:rsidR="00A65A2B" w:rsidRPr="00A67D92" w:rsidRDefault="00A65A2B" w:rsidP="007F09D9">
            <w:pPr>
              <w:ind w:left="113" w:right="113"/>
              <w:rPr>
                <w:szCs w:val="18"/>
              </w:rPr>
            </w:pPr>
            <w:r>
              <w:rPr>
                <w:szCs w:val="18"/>
              </w:rPr>
              <w:t>0.1.0</w:t>
            </w:r>
          </w:p>
        </w:tc>
        <w:tc>
          <w:tcPr>
            <w:tcW w:w="3386" w:type="pct"/>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CA71C3">
        <w:trPr>
          <w:tblHeader/>
        </w:trPr>
        <w:tc>
          <w:tcPr>
            <w:tcW w:w="734" w:type="pct"/>
          </w:tcPr>
          <w:p w14:paraId="16FA66C1" w14:textId="77777777" w:rsidR="00A65A2B" w:rsidRPr="00CA71C3" w:rsidRDefault="00A65A2B" w:rsidP="007F09D9">
            <w:pPr>
              <w:ind w:left="113" w:right="113"/>
              <w:rPr>
                <w:szCs w:val="18"/>
              </w:rPr>
            </w:pPr>
            <w:r w:rsidRPr="00CA71C3">
              <w:rPr>
                <w:szCs w:val="18"/>
              </w:rPr>
              <w:t>0.2.0</w:t>
            </w:r>
          </w:p>
        </w:tc>
        <w:tc>
          <w:tcPr>
            <w:tcW w:w="3386" w:type="pct"/>
          </w:tcPr>
          <w:p w14:paraId="1F44A7BF" w14:textId="77777777" w:rsidR="00A65A2B" w:rsidRPr="00CA71C3" w:rsidRDefault="00A65A2B" w:rsidP="007F09D9">
            <w:pPr>
              <w:ind w:left="113" w:right="113"/>
              <w:rPr>
                <w:szCs w:val="18"/>
              </w:rPr>
            </w:pPr>
            <w:r w:rsidRPr="00CA71C3">
              <w:rPr>
                <w:szCs w:val="18"/>
              </w:rPr>
              <w:t>Uitbreiding schematisering waterspanningen</w:t>
            </w:r>
          </w:p>
        </w:tc>
        <w:tc>
          <w:tcPr>
            <w:tcW w:w="880" w:type="pct"/>
          </w:tcPr>
          <w:p w14:paraId="27E4159E" w14:textId="38CF79C5" w:rsidR="00A65A2B" w:rsidRPr="00CA71C3" w:rsidRDefault="00A65A2B" w:rsidP="007F09D9">
            <w:pPr>
              <w:ind w:left="113" w:right="113"/>
              <w:rPr>
                <w:szCs w:val="18"/>
              </w:rPr>
            </w:pPr>
            <w:r w:rsidRPr="00CA71C3">
              <w:rPr>
                <w:szCs w:val="18"/>
              </w:rPr>
              <w:t>0</w:t>
            </w:r>
            <w:r w:rsidR="00CA71C3" w:rsidRPr="00CA71C3">
              <w:rPr>
                <w:szCs w:val="18"/>
              </w:rPr>
              <w:t>1</w:t>
            </w:r>
            <w:r w:rsidRPr="00CA71C3">
              <w:rPr>
                <w:szCs w:val="18"/>
              </w:rPr>
              <w:t>-0</w:t>
            </w:r>
            <w:r w:rsidR="00CA71C3" w:rsidRPr="00CA71C3">
              <w:rPr>
                <w:szCs w:val="18"/>
              </w:rPr>
              <w:t>8</w:t>
            </w:r>
            <w:r w:rsidRPr="00CA71C3">
              <w:rPr>
                <w:szCs w:val="18"/>
              </w:rPr>
              <w:t>-2025</w:t>
            </w:r>
          </w:p>
        </w:tc>
      </w:tr>
    </w:tbl>
    <w:p w14:paraId="69B21EF9" w14:textId="29CBF5D9" w:rsidR="00FA5F24" w:rsidRDefault="00FA5F24" w:rsidP="00793D31">
      <w:pPr>
        <w:pStyle w:val="Plattetekst"/>
      </w:pPr>
    </w:p>
    <w:p w14:paraId="7C60D4AD" w14:textId="1258672A" w:rsidR="00793D31" w:rsidRDefault="00FA5F24" w:rsidP="00FA5F24">
      <w:r>
        <w:br w:type="page"/>
      </w:r>
    </w:p>
    <w:p w14:paraId="52472ED6" w14:textId="675A60C8" w:rsidR="00793D31" w:rsidRDefault="00793D31" w:rsidP="00793D31">
      <w:pPr>
        <w:pStyle w:val="Kop2"/>
      </w:pPr>
      <w:bookmarkStart w:id="18" w:name="_Toc203144471"/>
      <w:r>
        <w:lastRenderedPageBreak/>
        <w:t>Leeswijzer</w:t>
      </w:r>
      <w:bookmarkEnd w:id="18"/>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610A1811" w14:textId="77777777" w:rsidR="00665EDC" w:rsidRDefault="00665EDC" w:rsidP="00793D31">
      <w:pPr>
        <w:pStyle w:val="Plattetekst"/>
      </w:pPr>
    </w:p>
    <w:p w14:paraId="0125CC67" w14:textId="63BD5A38" w:rsidR="00665EDC" w:rsidRDefault="005A2BEA" w:rsidP="00665EDC">
      <w:pPr>
        <w:pStyle w:val="Kop2"/>
      </w:pPr>
      <w:bookmarkStart w:id="19" w:name="_Toc203144472"/>
      <w:r>
        <w:t>Snel starten</w:t>
      </w:r>
      <w:bookmarkEnd w:id="19"/>
    </w:p>
    <w:p w14:paraId="259F23AF" w14:textId="0666A16D" w:rsidR="00665EDC" w:rsidRPr="00665EDC" w:rsidRDefault="002A2D5D" w:rsidP="00665EDC">
      <w:pPr>
        <w:pStyle w:val="Plattetekst"/>
      </w:pPr>
      <w:r>
        <w:t>Voor degene die wensen snel te starten wordt het ten zeerste aanbevolen minimaal de gekleurde tekstkaders van deze handleiding door te lezen. Hierin staan belangrijke tips, aanbevelingen en aandachtspunten</w:t>
      </w:r>
      <w:r w:rsidR="00F32A10">
        <w:t xml:space="preserve"> die mogelijk veel tijd kunnen besparen.</w:t>
      </w:r>
    </w:p>
    <w:p w14:paraId="3F05B158" w14:textId="23339C38" w:rsidR="0026594E" w:rsidRDefault="004954FD" w:rsidP="004954FD">
      <w:pPr>
        <w:pStyle w:val="Kop1"/>
      </w:pPr>
      <w:bookmarkStart w:id="20" w:name="_Toc203144473"/>
      <w:bookmarkEnd w:id="12"/>
      <w:bookmarkEnd w:id="11"/>
      <w:bookmarkEnd w:id="10"/>
      <w:bookmarkEnd w:id="9"/>
      <w:bookmarkEnd w:id="8"/>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29B64875" w14:textId="77777777" w:rsidR="00514901" w:rsidRDefault="00514901" w:rsidP="00514901">
      <w:pPr>
        <w:pStyle w:val="Kop2"/>
      </w:pPr>
      <w:bookmarkStart w:id="21" w:name="_Toc203144474"/>
      <w:r>
        <w:t>Tool downloaden</w:t>
      </w:r>
      <w:bookmarkEnd w:id="21"/>
    </w:p>
    <w:p w14:paraId="5106785C" w14:textId="59EFBFCC" w:rsidR="00514901" w:rsidRDefault="00514901" w:rsidP="00514901">
      <w:pPr>
        <w:pStyle w:val="Plattetekst"/>
      </w:pPr>
      <w:r>
        <w:t xml:space="preserve">De broncode van </w:t>
      </w:r>
      <w:proofErr w:type="spellStart"/>
      <w:r>
        <w:t>BOLuS</w:t>
      </w:r>
      <w:proofErr w:type="spellEnd"/>
      <w:r>
        <w:t xml:space="preserve"> is open-source en staat op de </w:t>
      </w:r>
      <w:proofErr w:type="spellStart"/>
      <w:r>
        <w:t>Github</w:t>
      </w:r>
      <w:proofErr w:type="spellEnd"/>
      <w:r>
        <w:t xml:space="preserve">-pagina van Waterschap Scheldestromen: </w:t>
      </w:r>
      <w:hyperlink r:id="rId20" w:history="1">
        <w:r w:rsidRPr="00D54729">
          <w:rPr>
            <w:rStyle w:val="Hyperlink"/>
          </w:rPr>
          <w:t>https://github.com/scheldestromen/BOLuS</w:t>
        </w:r>
      </w:hyperlink>
      <w:r>
        <w:t xml:space="preserve">. In deze paragraaf wordt toegelicht hoe de tool via </w:t>
      </w:r>
      <w:proofErr w:type="spellStart"/>
      <w:r>
        <w:t>Github</w:t>
      </w:r>
      <w:proofErr w:type="spellEnd"/>
      <w:r>
        <w:t xml:space="preserve"> gedownload wordt. Als alternatief kan </w:t>
      </w:r>
      <w:proofErr w:type="spellStart"/>
      <w:r>
        <w:t>BOLuS</w:t>
      </w:r>
      <w:proofErr w:type="spellEnd"/>
      <w:r>
        <w:t xml:space="preserve"> met behulp van git worden </w:t>
      </w:r>
      <w:proofErr w:type="spellStart"/>
      <w:r>
        <w:t>gecloned</w:t>
      </w:r>
      <w:proofErr w:type="spellEnd"/>
      <w:r>
        <w:t>.</w:t>
      </w:r>
    </w:p>
    <w:p w14:paraId="004442AF" w14:textId="77777777" w:rsidR="00514901" w:rsidRDefault="00514901" w:rsidP="00514901">
      <w:pPr>
        <w:pStyle w:val="Plattetekst"/>
      </w:pPr>
    </w:p>
    <w:p w14:paraId="55BEDE35" w14:textId="0A3B9067" w:rsidR="00514901" w:rsidRDefault="00514901" w:rsidP="00514901">
      <w:pPr>
        <w:pStyle w:val="Plattetekst"/>
        <w:numPr>
          <w:ilvl w:val="0"/>
          <w:numId w:val="20"/>
        </w:numPr>
      </w:pPr>
      <w:r>
        <w:t xml:space="preserve">Ga naar </w:t>
      </w:r>
      <w:hyperlink r:id="rId21" w:history="1">
        <w:r w:rsidRPr="00D54729">
          <w:rPr>
            <w:rStyle w:val="Hyperlink"/>
          </w:rPr>
          <w:t>https://github.com/scheldestromen/BOLuS</w:t>
        </w:r>
      </w:hyperlink>
      <w:r>
        <w:t xml:space="preserve"> </w:t>
      </w:r>
    </w:p>
    <w:p w14:paraId="165F7EA9" w14:textId="77777777" w:rsidR="00514901" w:rsidRDefault="00514901" w:rsidP="00514901">
      <w:pPr>
        <w:pStyle w:val="Plattetekst"/>
        <w:numPr>
          <w:ilvl w:val="0"/>
          <w:numId w:val="20"/>
        </w:numPr>
      </w:pPr>
      <w:r>
        <w:t>Download de tool als zip-bestand:</w:t>
      </w:r>
    </w:p>
    <w:p w14:paraId="688ACE5E" w14:textId="77777777" w:rsidR="00514901" w:rsidRDefault="00514901" w:rsidP="00514901">
      <w:pPr>
        <w:pStyle w:val="Plattetekst"/>
        <w:ind w:left="360"/>
      </w:pPr>
      <w:r w:rsidRPr="00D41406">
        <w:rPr>
          <w:noProof/>
        </w:rPr>
        <w:drawing>
          <wp:inline distT="0" distB="0" distL="0" distR="0" wp14:anchorId="69503D1C" wp14:editId="65AD388B">
            <wp:extent cx="4419600" cy="2565029"/>
            <wp:effectExtent l="38100" t="38100" r="38100" b="45085"/>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2">
                      <a:extLst>
                        <a:ext uri="{28A0092B-C50C-407E-A947-70E740481C1C}">
                          <a14:useLocalDpi xmlns:a14="http://schemas.microsoft.com/office/drawing/2010/main" val="0"/>
                        </a:ext>
                      </a:extLst>
                    </a:blip>
                    <a:stretch>
                      <a:fillRect/>
                    </a:stretch>
                  </pic:blipFill>
                  <pic:spPr>
                    <a:xfrm>
                      <a:off x="0" y="0"/>
                      <a:ext cx="4436318" cy="2574732"/>
                    </a:xfrm>
                    <a:prstGeom prst="rect">
                      <a:avLst/>
                    </a:prstGeom>
                    <a:ln>
                      <a:noFill/>
                    </a:ln>
                    <a:effectLst>
                      <a:glow rad="25400">
                        <a:schemeClr val="tx2">
                          <a:alpha val="40000"/>
                        </a:schemeClr>
                      </a:glow>
                    </a:effectLst>
                  </pic:spPr>
                </pic:pic>
              </a:graphicData>
            </a:graphic>
          </wp:inline>
        </w:drawing>
      </w:r>
    </w:p>
    <w:p w14:paraId="301BD619" w14:textId="77777777" w:rsidR="00514901" w:rsidRDefault="00514901" w:rsidP="00514901">
      <w:pPr>
        <w:pStyle w:val="Plattetekst"/>
        <w:numPr>
          <w:ilvl w:val="0"/>
          <w:numId w:val="20"/>
        </w:numPr>
      </w:pPr>
      <w:r>
        <w:t xml:space="preserve">Plaats het zip-bestand op een locatie naar keuze en pak het hier uit. Deze locatie mag niet gesynchroniseerd worden met een </w:t>
      </w:r>
      <w:proofErr w:type="spellStart"/>
      <w:r>
        <w:t>cloudomgeving</w:t>
      </w:r>
      <w:proofErr w:type="spellEnd"/>
      <w:r>
        <w:t xml:space="preserve"> (OneDrive). Dit kan tot problemen leiden bij het doorrekenen van D-Stability berekeningen. </w:t>
      </w:r>
    </w:p>
    <w:p w14:paraId="36F150C7" w14:textId="77777777" w:rsidR="00514901" w:rsidRDefault="00514901" w:rsidP="00514901">
      <w:pPr>
        <w:pStyle w:val="Plattetekst"/>
      </w:pPr>
    </w:p>
    <w:p w14:paraId="62B4B802" w14:textId="77777777" w:rsidR="00514901" w:rsidRPr="009E6533" w:rsidRDefault="00514901" w:rsidP="00514901">
      <w:pPr>
        <w:pStyle w:val="Plattetekst"/>
        <w:keepNext/>
        <w:rPr>
          <w:b/>
          <w:bCs/>
          <w:color w:val="046444"/>
        </w:rPr>
      </w:pPr>
      <w:r w:rsidRPr="009E6533">
        <w:rPr>
          <w:b/>
          <w:bCs/>
          <w:color w:val="046444"/>
        </w:rPr>
        <w:t>Aandachtspunt:</w:t>
      </w:r>
    </w:p>
    <w:p w14:paraId="4A041D23" w14:textId="77777777" w:rsidR="00514901" w:rsidRPr="00C24838" w:rsidRDefault="00514901" w:rsidP="00514901">
      <w:pPr>
        <w:pStyle w:val="Plattetekst"/>
        <w:keepNext/>
      </w:pPr>
      <w:r>
        <w:rPr>
          <w:noProof/>
        </w:rPr>
        <mc:AlternateContent>
          <mc:Choice Requires="wps">
            <w:drawing>
              <wp:inline distT="0" distB="0" distL="0" distR="0" wp14:anchorId="6BFAB8A0" wp14:editId="0C89BF13">
                <wp:extent cx="6217920" cy="675861"/>
                <wp:effectExtent l="0" t="0" r="11430" b="2667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AB9170D" w14:textId="77777777" w:rsidR="00514901" w:rsidRPr="007E157D" w:rsidRDefault="00514901" w:rsidP="00514901">
                            <w:r>
                              <w:t xml:space="preserve">Zorg dat </w:t>
                            </w:r>
                            <w:proofErr w:type="spellStart"/>
                            <w:r>
                              <w:t>BOLuS</w:t>
                            </w:r>
                            <w:proofErr w:type="spellEnd"/>
                            <w:r>
                              <w:t xml:space="preserve"> op een locatie staat die NIET gesynchroniseerd wordt met de </w:t>
                            </w:r>
                            <w:proofErr w:type="spellStart"/>
                            <w:r>
                              <w:t>cloud</w:t>
                            </w:r>
                            <w:proofErr w:type="spellEnd"/>
                            <w:r>
                              <w:t xml:space="preserve"> (OneDrive).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FAB8A0"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" fillcolor="#046444 [3213]">
                <v:fill opacity="19532f"/>
                <v:textbox style="mso-fit-shape-to-text:t">
                  <w:txbxContent>
                    <w:p w14:paraId="7AB9170D" w14:textId="77777777" w:rsidR="00514901" w:rsidRPr="007E157D" w:rsidRDefault="00514901" w:rsidP="00514901">
                      <w:r>
                        <w:t xml:space="preserve">Zorg dat </w:t>
                      </w:r>
                      <w:proofErr w:type="spellStart"/>
                      <w:r>
                        <w:t>BOLuS</w:t>
                      </w:r>
                      <w:proofErr w:type="spellEnd"/>
                      <w:r>
                        <w:t xml:space="preserve"> op een locatie staat die NIET gesynchroniseerd wordt met de </w:t>
                      </w:r>
                      <w:proofErr w:type="spellStart"/>
                      <w:r>
                        <w:t>cloud</w:t>
                      </w:r>
                      <w:proofErr w:type="spellEnd"/>
                      <w:r>
                        <w:t xml:space="preserve"> (OneDrive). Dit zorgt voor problemen bij het doorrekenen van de D-Stability berekeningen.</w:t>
                      </w:r>
                    </w:p>
                  </w:txbxContent>
                </v:textbox>
                <w10:anchorlock/>
              </v:shape>
            </w:pict>
          </mc:Fallback>
        </mc:AlternateContent>
      </w:r>
    </w:p>
    <w:p w14:paraId="1ADE9D96" w14:textId="77777777" w:rsidR="00514901" w:rsidRDefault="00514901" w:rsidP="00514901">
      <w:pPr>
        <w:pStyle w:val="Plattetekst"/>
      </w:pPr>
    </w:p>
    <w:p w14:paraId="36D9E185" w14:textId="0371B7DC" w:rsidR="00D046C6" w:rsidRDefault="00CD03FB" w:rsidP="00CD03FB">
      <w:pPr>
        <w:pStyle w:val="Kop2"/>
      </w:pPr>
      <w:bookmarkStart w:id="22" w:name="_Toc203144475"/>
      <w:r>
        <w:t>Virtual environment</w:t>
      </w:r>
      <w:bookmarkEnd w:id="22"/>
    </w:p>
    <w:p w14:paraId="0A439429" w14:textId="55A8F5E8"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w:t>
      </w:r>
      <w:proofErr w:type="spellStart"/>
      <w:r w:rsidR="005E2FA8">
        <w:t>environment.yml</w:t>
      </w:r>
      <w:proofErr w:type="spellEnd"/>
      <w:r w:rsidR="005E2FA8">
        <w:t>”.</w:t>
      </w:r>
      <w:r w:rsidR="00FE0D9A">
        <w:t xml:space="preserve"> Hierin zijn de instellingen van de virtual environment vastgelegd.</w:t>
      </w:r>
      <w:r w:rsidR="005E2FA8">
        <w:t xml:space="preserve">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203144476"/>
      <w:r w:rsidRPr="00C43AA4">
        <w:lastRenderedPageBreak/>
        <w:t>Installeren</w:t>
      </w:r>
      <w:bookmarkEnd w:id="23"/>
      <w:bookmarkEnd w:id="24"/>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759F324F">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tv0i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WEP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Z7b9Ip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3B2482CA">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F9Rv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CdSgZZCsoNwtLbGQpssZftPg&#10;i98y55fM4jjh4OGK8Pf4qSS0BYX+REkN9tdH8mCPXY5aSlocz4K6nxtmBSXym8b+Px+dnIR5jpeT&#10;ydkYL/alZvVSozfqCrCDRriMDI/HYO/l/lhZUM+4SRYhKqqY5hi7oNzb/eXKp7WBu4iLxSKa4Qwb&#10;5m/1o+EBPPAcmvmpe2bW9G3vcWDuYD/KbPam8ZNt8HRmsfHYoXEqDrz2L4DzH9u631Vhwby8R6vD&#10;Rp3/Bg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XBfUb5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5" w:name="_Ref194053765"/>
      <w:bookmarkStart w:id="26" w:name="_Toc203144477"/>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98A8F5D">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dRzi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x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Ip1HOK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70C7EFFF" w14:textId="1EB9783F" w:rsidR="00FE0D9A" w:rsidRDefault="001B12A1" w:rsidP="00FE0D9A">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3470082D" w14:textId="77777777" w:rsidR="00FE0D9A" w:rsidRDefault="00FE0D9A" w:rsidP="00FE0D9A"/>
    <w:p w14:paraId="35DC28EF" w14:textId="64AAF2CA" w:rsidR="008F605E" w:rsidRDefault="008F605E" w:rsidP="008F605E">
      <w:pPr>
        <w:pStyle w:val="Kop3"/>
      </w:pPr>
      <w:bookmarkStart w:id="27" w:name="_Toc203144478"/>
      <w:r>
        <w:t>Updaten</w:t>
      </w:r>
      <w:bookmarkEnd w:id="27"/>
    </w:p>
    <w:p w14:paraId="0F685F59" w14:textId="16297DEF" w:rsidR="008F605E" w:rsidRDefault="00713E32" w:rsidP="008F605E">
      <w:pPr>
        <w:pStyle w:val="Plattetekst"/>
      </w:pPr>
      <w:r>
        <w:t>De installatie van een virtual environment is eenmalig. Het kan echter nodig zijn om</w:t>
      </w:r>
      <w:r w:rsidR="005C467E">
        <w:t xml:space="preserve"> bij een nieuwe versie van de tool de </w:t>
      </w:r>
      <w:r w:rsidR="00151375">
        <w:t xml:space="preserve">virtual environment </w:t>
      </w:r>
      <w:r>
        <w:t>te updaten</w:t>
      </w:r>
      <w:r w:rsidR="00BA7EEA">
        <w:t xml:space="preserve"> omdat de instellingen in “</w:t>
      </w:r>
      <w:proofErr w:type="spellStart"/>
      <w:r w:rsidR="00BA7EEA">
        <w:t>environment.yml</w:t>
      </w:r>
      <w:proofErr w:type="spellEnd"/>
      <w:r w:rsidR="00BA7EEA">
        <w:t xml:space="preserve">” zijn gewijzigd. </w:t>
      </w:r>
      <w:r w:rsidR="005D09E3">
        <w:t xml:space="preserve"> </w:t>
      </w:r>
      <w:r w:rsidR="00BA7EEA">
        <w:t>Doorloop voor het updaten van de virtual environment de onderstaande stappen:</w:t>
      </w:r>
    </w:p>
    <w:p w14:paraId="7DCF7E1A" w14:textId="77777777" w:rsidR="00BA7EEA" w:rsidRDefault="00BA7EEA" w:rsidP="00BA7EEA">
      <w:pPr>
        <w:pStyle w:val="Plattetekst"/>
        <w:numPr>
          <w:ilvl w:val="0"/>
          <w:numId w:val="21"/>
        </w:numPr>
      </w:pPr>
      <w:r>
        <w:t>Open de Anaconda Prompt</w:t>
      </w:r>
    </w:p>
    <w:p w14:paraId="7A3E0C75" w14:textId="3DF914D9" w:rsidR="001A7874" w:rsidRDefault="001A7874" w:rsidP="001A7874">
      <w:pPr>
        <w:pStyle w:val="Plattetekst"/>
        <w:keepNext/>
        <w:numPr>
          <w:ilvl w:val="0"/>
          <w:numId w:val="21"/>
        </w:numPr>
      </w:pPr>
      <w:r>
        <w:t>Wijzig de locatie van de Anaconda Prompt met onderstaande commando (inclusief “”):</w:t>
      </w:r>
    </w:p>
    <w:p w14:paraId="47954B5E" w14:textId="74F53C9E" w:rsidR="001A7874" w:rsidRDefault="001A7874" w:rsidP="00222269">
      <w:pPr>
        <w:pStyle w:val="Plattetekst"/>
        <w:keepNext/>
        <w:ind w:firstLine="360"/>
      </w:pPr>
      <w:r w:rsidRPr="00D046C6">
        <w:rPr>
          <w:rFonts w:ascii="Consolas" w:hAnsi="Consolas"/>
          <w:noProof/>
        </w:rPr>
        <mc:AlternateContent>
          <mc:Choice Requires="wps">
            <w:drawing>
              <wp:inline distT="0" distB="0" distL="0" distR="0" wp14:anchorId="3C7B54A2" wp14:editId="456B9523">
                <wp:extent cx="5828306" cy="293757"/>
                <wp:effectExtent l="0" t="0" r="1270" b="6350"/>
                <wp:docPr id="674187600"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7B8ABF4B" w14:textId="77777777" w:rsidR="001A7874" w:rsidRPr="00D046C6" w:rsidRDefault="001A7874" w:rsidP="001A7874">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C7B54A2" id="_x0000_s1030"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CpVh/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7B8ABF4B" w14:textId="77777777" w:rsidR="001A7874" w:rsidRPr="00D046C6" w:rsidRDefault="001A7874" w:rsidP="001A7874">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1C25971F" w14:textId="77777777" w:rsidR="00BA7EEA" w:rsidRDefault="00BA7EEA" w:rsidP="00BA7EEA">
      <w:pPr>
        <w:pStyle w:val="Plattetekst"/>
        <w:numPr>
          <w:ilvl w:val="0"/>
          <w:numId w:val="21"/>
        </w:numPr>
      </w:pPr>
      <w:r>
        <w:t>Type onderstaand commando om de environment te activeren:</w:t>
      </w:r>
    </w:p>
    <w:p w14:paraId="6923347C" w14:textId="77777777" w:rsidR="00BA7EEA" w:rsidRPr="00097458" w:rsidRDefault="00BA7EEA" w:rsidP="00BA7EEA">
      <w:pPr>
        <w:pStyle w:val="Plattetekst"/>
        <w:ind w:firstLine="360"/>
      </w:pPr>
      <w:r w:rsidRPr="00D046C6">
        <w:rPr>
          <w:rFonts w:ascii="Consolas" w:hAnsi="Consolas"/>
          <w:noProof/>
        </w:rPr>
        <mc:AlternateContent>
          <mc:Choice Requires="wps">
            <w:drawing>
              <wp:inline distT="0" distB="0" distL="0" distR="0" wp14:anchorId="06A16A0B" wp14:editId="28EF613A">
                <wp:extent cx="5828306" cy="293757"/>
                <wp:effectExtent l="0" t="0" r="1270" b="6350"/>
                <wp:docPr id="28457816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2B5A6ED" w14:textId="77777777" w:rsidR="00BA7EEA" w:rsidRPr="001B12A1" w:rsidRDefault="00BA7EEA" w:rsidP="00BA7EEA">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06A16A0B" id="_x0000_s1031"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N094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QYI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DdPeJ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42B5A6ED" w14:textId="77777777" w:rsidR="00BA7EEA" w:rsidRPr="001B12A1" w:rsidRDefault="00BA7EEA" w:rsidP="00BA7EEA">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30C3DA67" w14:textId="0A2E2CE8" w:rsidR="00BA7EEA" w:rsidRDefault="00222269" w:rsidP="00222269">
      <w:pPr>
        <w:pStyle w:val="Plattetekst"/>
        <w:numPr>
          <w:ilvl w:val="0"/>
          <w:numId w:val="43"/>
        </w:numPr>
      </w:pPr>
      <w:r>
        <w:t>Type onderstaand commando om de environment te updaten:</w:t>
      </w:r>
    </w:p>
    <w:p w14:paraId="06C52D3E" w14:textId="75D9EC7D" w:rsidR="00222269" w:rsidRPr="004E59BC" w:rsidRDefault="00222269" w:rsidP="00222269">
      <w:pPr>
        <w:pStyle w:val="Plattetekst"/>
        <w:ind w:firstLine="360"/>
      </w:pPr>
      <w:r w:rsidRPr="00D046C6">
        <w:rPr>
          <w:rFonts w:ascii="Consolas" w:hAnsi="Consolas"/>
          <w:noProof/>
        </w:rPr>
        <mc:AlternateContent>
          <mc:Choice Requires="wps">
            <w:drawing>
              <wp:inline distT="0" distB="0" distL="0" distR="0" wp14:anchorId="44526B66" wp14:editId="42307799">
                <wp:extent cx="5828306" cy="293757"/>
                <wp:effectExtent l="0" t="0" r="1270" b="6350"/>
                <wp:docPr id="5800142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5B9F6DFC" w14:textId="7A060895" w:rsidR="00222269" w:rsidRPr="00222269" w:rsidRDefault="00222269" w:rsidP="00222269">
                            <w:pPr>
                              <w:spacing w:before="0" w:after="0"/>
                              <w:rPr>
                                <w:rFonts w:ascii="Consolas" w:hAnsi="Consolas"/>
                                <w:lang w:val="en-GB"/>
                              </w:rPr>
                            </w:pPr>
                            <w:proofErr w:type="spellStart"/>
                            <w:r w:rsidRPr="00222269">
                              <w:rPr>
                                <w:rFonts w:ascii="Consolas" w:hAnsi="Consolas"/>
                                <w:lang w:val="en-GB"/>
                              </w:rPr>
                              <w:t>conda</w:t>
                            </w:r>
                            <w:proofErr w:type="spellEnd"/>
                            <w:r w:rsidRPr="00222269">
                              <w:rPr>
                                <w:rFonts w:ascii="Consolas" w:hAnsi="Consolas"/>
                                <w:lang w:val="en-GB"/>
                              </w:rPr>
                              <w:t xml:space="preserve"> env update -f </w:t>
                            </w:r>
                            <w:proofErr w:type="spellStart"/>
                            <w:r w:rsidRPr="00222269">
                              <w:rPr>
                                <w:rFonts w:ascii="Consolas" w:hAnsi="Consolas"/>
                                <w:lang w:val="en-GB"/>
                              </w:rPr>
                              <w:t>environment.yml</w:t>
                            </w:r>
                            <w:proofErr w:type="spellEnd"/>
                            <w:r w:rsidRPr="00222269">
                              <w:rPr>
                                <w:rFonts w:ascii="Consolas" w:hAnsi="Consolas"/>
                                <w:lang w:val="en-GB"/>
                              </w:rPr>
                              <w:t xml:space="preserve"> --prun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44526B66" id="_x0000_s1032"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lmY1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p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MeWZj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5B9F6DFC" w14:textId="7A060895" w:rsidR="00222269" w:rsidRPr="00222269" w:rsidRDefault="00222269" w:rsidP="00222269">
                      <w:pPr>
                        <w:spacing w:before="0" w:after="0"/>
                        <w:rPr>
                          <w:rFonts w:ascii="Consolas" w:hAnsi="Consolas"/>
                          <w:lang w:val="en-GB"/>
                        </w:rPr>
                      </w:pPr>
                      <w:proofErr w:type="spellStart"/>
                      <w:r w:rsidRPr="00222269">
                        <w:rPr>
                          <w:rFonts w:ascii="Consolas" w:hAnsi="Consolas"/>
                          <w:lang w:val="en-GB"/>
                        </w:rPr>
                        <w:t>conda</w:t>
                      </w:r>
                      <w:proofErr w:type="spellEnd"/>
                      <w:r w:rsidRPr="00222269">
                        <w:rPr>
                          <w:rFonts w:ascii="Consolas" w:hAnsi="Consolas"/>
                          <w:lang w:val="en-GB"/>
                        </w:rPr>
                        <w:t xml:space="preserve"> env update -f </w:t>
                      </w:r>
                      <w:proofErr w:type="spellStart"/>
                      <w:r w:rsidRPr="00222269">
                        <w:rPr>
                          <w:rFonts w:ascii="Consolas" w:hAnsi="Consolas"/>
                          <w:lang w:val="en-GB"/>
                        </w:rPr>
                        <w:t>environment.yml</w:t>
                      </w:r>
                      <w:proofErr w:type="spellEnd"/>
                      <w:r w:rsidRPr="00222269">
                        <w:rPr>
                          <w:rFonts w:ascii="Consolas" w:hAnsi="Consolas"/>
                          <w:lang w:val="en-GB"/>
                        </w:rPr>
                        <w:t xml:space="preserve"> --prune</w:t>
                      </w:r>
                    </w:p>
                  </w:txbxContent>
                </v:textbox>
                <w10:anchorlock/>
              </v:roundrect>
            </w:pict>
          </mc:Fallback>
        </mc:AlternateContent>
      </w:r>
    </w:p>
    <w:p w14:paraId="4CD3B3B8" w14:textId="0954A951" w:rsidR="008F605E" w:rsidRPr="00982F79" w:rsidRDefault="00920F5C" w:rsidP="008F605E">
      <w:pPr>
        <w:rPr>
          <w:lang w:val="en-GB"/>
        </w:rPr>
      </w:pPr>
      <w:r w:rsidRPr="00982F79">
        <w:rPr>
          <w:lang w:val="en-GB"/>
        </w:rPr>
        <w:t xml:space="preserve">De virtual environment is </w:t>
      </w:r>
      <w:r w:rsidR="00982F79" w:rsidRPr="00982F79">
        <w:rPr>
          <w:lang w:val="en-GB"/>
        </w:rPr>
        <w:t>nu up-to</w:t>
      </w:r>
      <w:r w:rsidR="00982F79">
        <w:rPr>
          <w:lang w:val="en-GB"/>
        </w:rPr>
        <w:t>-date met de “</w:t>
      </w:r>
      <w:proofErr w:type="spellStart"/>
      <w:r w:rsidR="00982F79">
        <w:rPr>
          <w:lang w:val="en-GB"/>
        </w:rPr>
        <w:t>environment.yml</w:t>
      </w:r>
      <w:proofErr w:type="spellEnd"/>
      <w:r w:rsidR="00982F79">
        <w:rPr>
          <w:lang w:val="en-GB"/>
        </w:rPr>
        <w:t>”.</w:t>
      </w:r>
    </w:p>
    <w:p w14:paraId="0E613672" w14:textId="77777777" w:rsidR="00920F5C" w:rsidRPr="00982F79" w:rsidRDefault="00920F5C" w:rsidP="008F605E">
      <w:pPr>
        <w:rPr>
          <w:lang w:val="en-GB"/>
        </w:rPr>
      </w:pPr>
    </w:p>
    <w:p w14:paraId="206B2993" w14:textId="77777777" w:rsidR="0026594E" w:rsidRDefault="0026594E" w:rsidP="00921B28">
      <w:pPr>
        <w:pStyle w:val="Kop2"/>
      </w:pPr>
      <w:bookmarkStart w:id="28" w:name="_Toc203144479"/>
      <w:r>
        <w:t>Gebruik</w:t>
      </w:r>
      <w:bookmarkEnd w:id="28"/>
    </w:p>
    <w:p w14:paraId="6A2FCAD2" w14:textId="6142317C" w:rsidR="00C51892" w:rsidRPr="00C51892" w:rsidRDefault="00CB4467" w:rsidP="00CB4467">
      <w:pPr>
        <w:pStyle w:val="Kop3"/>
      </w:pPr>
      <w:bookmarkStart w:id="29" w:name="_Toc203144480"/>
      <w:r>
        <w:t>Workflow</w:t>
      </w:r>
      <w:bookmarkEnd w:id="29"/>
    </w:p>
    <w:p w14:paraId="32AB4AD4" w14:textId="11CCE0C8"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4A1B16">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2400FF29" w:rsidR="008845CE" w:rsidRDefault="008845CE" w:rsidP="00BB4B84">
      <w:pPr>
        <w:pStyle w:val="Plattetekst"/>
        <w:numPr>
          <w:ilvl w:val="0"/>
          <w:numId w:val="22"/>
        </w:numPr>
      </w:pPr>
      <w:r>
        <w:t>Open de anaconda p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4A1B16">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4A1B16">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w:lastRenderedPageBreak/>
        <mc:AlternateContent>
          <mc:Choice Requires="wps">
            <w:drawing>
              <wp:inline distT="0" distB="0" distL="0" distR="0" wp14:anchorId="1D9E4DBC" wp14:editId="4394EC89">
                <wp:extent cx="5828030" cy="276225"/>
                <wp:effectExtent l="0" t="0" r="1270" b="889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1D9E4DBC" id="Rechthoek: afgeronde hoeken 4" o:spid="_x0000_s1033"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" fillcolor="#d8d8d8 [273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95D04E5" w14:textId="77777777" w:rsidR="00CB4467" w:rsidRDefault="00CB4467" w:rsidP="00CB4467">
      <w:pPr>
        <w:pStyle w:val="Kop3"/>
      </w:pPr>
      <w:bookmarkStart w:id="30" w:name="_Toc203144481"/>
      <w:r>
        <w:t>Aanbevelingen</w:t>
      </w:r>
      <w:bookmarkEnd w:id="30"/>
    </w:p>
    <w:p w14:paraId="3038C759" w14:textId="3928B0FE" w:rsidR="000F389C" w:rsidRDefault="003623BE" w:rsidP="000F389C">
      <w:pPr>
        <w:pStyle w:val="Geenafstand"/>
      </w:pPr>
      <w:proofErr w:type="spellStart"/>
      <w:r>
        <w:t>BOLuS</w:t>
      </w:r>
      <w:proofErr w:type="spellEnd"/>
      <w:r>
        <w:t xml:space="preserve">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betreft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 xml:space="preserve">invoer niet aan deze uitgangspunten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4"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FvjG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SAGiMLvsDyR9A771qZRpE2N7hdnLbV1wf3PAzjJ&#10;mf5kqHzL0WQS5yAdJtN5FN7dWna3FjCCoEg2zvrtJqTZScraeyrzVqUKvGRyTpnaNWl4Hq04D7fn&#10;5PXyA1j/Bg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uRb4xicCAABIBAAADgAAAAAAAAAAAAAAAAAuAgAAZHJzL2Uyb0Rv&#10;Yy54bWxQSwECLQAUAAYACAAAACEAdOX1nt0AAAAFAQAADwAAAAAAAAAAAAAAAACBBAAAZHJzL2Rv&#10;d25yZXYueG1sUEsFBgAAAAAEAAQA8wAAAIsFA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3CB2D1B4" w:rsidR="000F389C" w:rsidRDefault="003F5988" w:rsidP="000F389C">
      <w:pPr>
        <w:pStyle w:val="Geenafstand"/>
      </w:pPr>
      <w:r>
        <w:t xml:space="preserve">De Excelsheet maakt </w:t>
      </w:r>
      <w:r w:rsidR="00701D3C">
        <w:t xml:space="preserve">gebruik van gegevensvalidatie. Een voorbeeld is de mogelijkheid om bij </w:t>
      </w:r>
      <w:r w:rsidR="0099403E">
        <w:t xml:space="preserve">het opstellen van </w:t>
      </w:r>
      <w:r w:rsidR="00701D3C">
        <w:t xml:space="preserve">de bodemopbouw </w:t>
      </w:r>
      <w:r w:rsidR="0099403E">
        <w:t>de</w:t>
      </w:r>
      <w:r w:rsidR="00FC49CB">
        <w:t xml:space="preserve"> eerder opgegeven</w:t>
      </w:r>
      <w:r w:rsidR="0099403E">
        <w:t xml:space="preserve"> grondsoorten </w:t>
      </w:r>
      <w:r w:rsidR="00AA2F74">
        <w:t xml:space="preserve">in een drop down-menu </w:t>
      </w:r>
      <w:r w:rsidR="0099403E">
        <w:t>te selectere</w:t>
      </w:r>
      <w:r w:rsidR="00FC49CB">
        <w:t>n</w:t>
      </w:r>
      <w:r w:rsidR="00BC1910">
        <w:t xml:space="preserve">. </w:t>
      </w:r>
      <w:r w:rsidR="00FC49CB">
        <w:t xml:space="preserve">Dit borgt dat de </w:t>
      </w:r>
      <w:r w:rsidR="00C072E7">
        <w:t>gekozen</w:t>
      </w:r>
      <w:r w:rsidR="00FC49CB">
        <w:t xml:space="preserve"> grondsoorten</w:t>
      </w:r>
      <w:r w:rsidR="00C072E7">
        <w:t xml:space="preserve"> </w:t>
      </w:r>
      <w:r w:rsidR="00AA2F74">
        <w:t>aanwezig zijn</w:t>
      </w:r>
      <w:r w:rsidR="00C072E7">
        <w:t xml:space="preserve">. Wanneer </w:t>
      </w:r>
      <w:r w:rsidR="00AA2F74">
        <w:t>daarna</w:t>
      </w:r>
      <w:r w:rsidR="00C072E7">
        <w:t xml:space="preserve"> echter een grondsoortnaam wordt aangepast </w:t>
      </w:r>
      <w:r w:rsidR="00AA2F74">
        <w:t>dan is dit niet meer het geval en volgt er</w:t>
      </w:r>
      <w:r w:rsidR="00C072E7">
        <w:t xml:space="preserve"> een foutmelding in de tool.</w:t>
      </w:r>
      <w:r w:rsidR="00C77138">
        <w:t xml:space="preserve"> Het is mogelijk om Excel de gegevensvalidatie te laten controleren via </w:t>
      </w:r>
      <w:r w:rsidR="00C77138" w:rsidRPr="000948C1">
        <w:rPr>
          <w:i/>
          <w:iCs/>
        </w:rPr>
        <w:t xml:space="preserve">Gegevens </w:t>
      </w:r>
      <w:r w:rsidR="00C77138" w:rsidRPr="000948C1">
        <w:rPr>
          <w:i/>
          <w:iCs/>
        </w:rPr>
        <w:sym w:font="Wingdings" w:char="F0E0"/>
      </w:r>
      <w:r w:rsidR="00C77138" w:rsidRPr="000948C1">
        <w:rPr>
          <w:i/>
          <w:iCs/>
        </w:rPr>
        <w:t xml:space="preserve"> Hulpmiddelen voor gegevens </w:t>
      </w:r>
      <w:r w:rsidR="00C77138" w:rsidRPr="000948C1">
        <w:rPr>
          <w:i/>
          <w:iCs/>
        </w:rPr>
        <w:sym w:font="Wingdings" w:char="F0E0"/>
      </w:r>
      <w:r w:rsidR="00C77138" w:rsidRPr="000948C1">
        <w:rPr>
          <w:i/>
          <w:iCs/>
        </w:rPr>
        <w:t xml:space="preserve"> Ongeldige gegevens omcirkelen</w:t>
      </w:r>
      <w:r w:rsidR="00C77138">
        <w:t xml:space="preserve">. Een voorbeeld is gegeven in </w:t>
      </w:r>
      <w:r w:rsidR="00C77138">
        <w:fldChar w:fldCharType="begin"/>
      </w:r>
      <w:r w:rsidR="00C77138">
        <w:instrText xml:space="preserve"> REF _Ref203125668 \h </w:instrText>
      </w:r>
      <w:r w:rsidR="00C77138">
        <w:fldChar w:fldCharType="separate"/>
      </w:r>
      <w:r w:rsidR="004A1B16">
        <w:t xml:space="preserve">figuur </w:t>
      </w:r>
      <w:r w:rsidR="004A1B16">
        <w:rPr>
          <w:noProof/>
        </w:rPr>
        <w:t>2</w:t>
      </w:r>
      <w:r w:rsidR="004A1B16">
        <w:noBreakHyphen/>
      </w:r>
      <w:r w:rsidR="004A1B16">
        <w:rPr>
          <w:noProof/>
        </w:rPr>
        <w:t>1</w:t>
      </w:r>
      <w:r w:rsidR="00C77138">
        <w:fldChar w:fldCharType="end"/>
      </w:r>
      <w:r w:rsidR="00C77138">
        <w:t>.</w:t>
      </w:r>
    </w:p>
    <w:p w14:paraId="1B735BD5" w14:textId="77777777" w:rsidR="00604BD2" w:rsidRDefault="00604BD2" w:rsidP="000F389C">
      <w:pPr>
        <w:pStyle w:val="Geenafstand"/>
      </w:pPr>
    </w:p>
    <w:p w14:paraId="7431321B" w14:textId="77777777" w:rsidR="00AA2F74" w:rsidRDefault="00E86E87" w:rsidP="00AA2F74">
      <w:pPr>
        <w:pStyle w:val="Geenafstand"/>
        <w:keepNext/>
      </w:pPr>
      <w:r w:rsidRPr="00E86E87">
        <w:drawing>
          <wp:inline distT="0" distB="0" distL="0" distR="0" wp14:anchorId="61B20FF0" wp14:editId="46E2C31D">
            <wp:extent cx="6120130" cy="2400300"/>
            <wp:effectExtent l="38100" t="38100" r="33020" b="38100"/>
            <wp:docPr id="1265275252" name="Afbeelding 1" descr="Afbeelding met tekst, schermopname, Lettertype, nummer&#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5275252" name="Afbeelding 1" descr="Afbeelding met tekst, schermopname, Lettertype, nummer&#10;&#10;Door AI gegenereerde inhoud is mogelijk onjuist."/>
                    <pic:cNvPicPr/>
                  </pic:nvPicPr>
                  <pic:blipFill>
                    <a:blip r:embed="rId23"/>
                    <a:stretch>
                      <a:fillRect/>
                    </a:stretch>
                  </pic:blipFill>
                  <pic:spPr>
                    <a:xfrm>
                      <a:off x="0" y="0"/>
                      <a:ext cx="6120130" cy="2400300"/>
                    </a:xfrm>
                    <a:prstGeom prst="rect">
                      <a:avLst/>
                    </a:prstGeom>
                    <a:ln>
                      <a:noFill/>
                    </a:ln>
                    <a:effectLst>
                      <a:glow rad="25400">
                        <a:schemeClr val="tx2">
                          <a:alpha val="40000"/>
                        </a:schemeClr>
                      </a:glow>
                    </a:effectLst>
                  </pic:spPr>
                </pic:pic>
              </a:graphicData>
            </a:graphic>
          </wp:inline>
        </w:drawing>
      </w:r>
    </w:p>
    <w:p w14:paraId="499E9B45" w14:textId="60F35E76" w:rsidR="00604BD2" w:rsidRDefault="00AA2F74" w:rsidP="00AE7295">
      <w:pPr>
        <w:pStyle w:val="Bijschrift"/>
      </w:pPr>
      <w:bookmarkStart w:id="31" w:name="_Ref203125668"/>
      <w:r>
        <w:t xml:space="preserve">figuur </w:t>
      </w:r>
      <w:fldSimple w:instr=" STYLEREF 1 \s ">
        <w:r w:rsidR="004A1B16">
          <w:rPr>
            <w:noProof/>
          </w:rPr>
          <w:t>2</w:t>
        </w:r>
      </w:fldSimple>
      <w:r w:rsidR="00675DAB">
        <w:noBreakHyphen/>
      </w:r>
      <w:fldSimple w:instr=" SEQ figuur \* ARABIC \s 1 ">
        <w:r w:rsidR="004A1B16">
          <w:rPr>
            <w:noProof/>
          </w:rPr>
          <w:t>1</w:t>
        </w:r>
      </w:fldSimple>
      <w:bookmarkEnd w:id="31"/>
      <w:r>
        <w:t>: Ongeldige gegevens omcirkelen in Excel</w:t>
      </w:r>
    </w:p>
    <w:p w14:paraId="7E61DD5D" w14:textId="77777777" w:rsidR="000948C1" w:rsidRDefault="000948C1" w:rsidP="000948C1">
      <w:pPr>
        <w:pStyle w:val="Plattetekst"/>
      </w:pPr>
    </w:p>
    <w:p w14:paraId="41D51C21" w14:textId="77777777" w:rsidR="000948C1" w:rsidRPr="009E6533" w:rsidRDefault="000948C1" w:rsidP="000948C1">
      <w:pPr>
        <w:pStyle w:val="Plattetekst"/>
        <w:keepNext/>
        <w:rPr>
          <w:b/>
          <w:bCs/>
          <w:color w:val="046444"/>
        </w:rPr>
      </w:pPr>
      <w:r>
        <w:rPr>
          <w:b/>
          <w:bCs/>
          <w:color w:val="046444"/>
        </w:rPr>
        <w:t>Aanbeveling</w:t>
      </w:r>
      <w:r w:rsidRPr="009E6533">
        <w:rPr>
          <w:b/>
          <w:bCs/>
          <w:color w:val="046444"/>
        </w:rPr>
        <w:t>:</w:t>
      </w:r>
    </w:p>
    <w:p w14:paraId="27A4E6AC" w14:textId="77777777" w:rsidR="000948C1" w:rsidRPr="00C24838" w:rsidRDefault="000948C1" w:rsidP="000948C1">
      <w:pPr>
        <w:pStyle w:val="Plattetekst"/>
        <w:keepNext/>
      </w:pPr>
      <w:r>
        <w:rPr>
          <w:noProof/>
        </w:rPr>
        <mc:AlternateContent>
          <mc:Choice Requires="wps">
            <w:drawing>
              <wp:inline distT="0" distB="0" distL="0" distR="0" wp14:anchorId="2781ED5E" wp14:editId="3E7BF44F">
                <wp:extent cx="6217920" cy="675861"/>
                <wp:effectExtent l="0" t="0" r="11430" b="20320"/>
                <wp:docPr id="156810511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wps:txbx>
                      <wps:bodyPr rot="0" vert="horz" wrap="square" lIns="91440" tIns="45720" rIns="91440" bIns="45720" anchor="t" anchorCtr="0">
                        <a:spAutoFit/>
                      </wps:bodyPr>
                    </wps:wsp>
                  </a:graphicData>
                </a:graphic>
              </wp:inline>
            </w:drawing>
          </mc:Choice>
          <mc:Fallback>
            <w:pict>
              <v:shape w14:anchorId="2781ED5E" id="_x0000_s1035"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oZYw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KZEYIAq/w/JE0jvsW5tGkTY1ul+ctdTWBfc/D+Ak&#10;Z/qTofItR5NJnIN0mEznUXh3a9ndWsAIgiLZOOu3m5BmJylr76nMW5Uq8JLJOWVq16ThebTiPNye&#10;k9fLD2D9Gw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a6GWMCcCAABIBAAADgAAAAAAAAAAAAAAAAAuAgAAZHJzL2Uyb0Rv&#10;Yy54bWxQSwECLQAUAAYACAAAACEAdOX1nt0AAAAFAQAADwAAAAAAAAAAAAAAAACBBAAAZHJzL2Rv&#10;d25yZXYueG1sUEsFBgAAAAAEAAQA8wAAAIsFAAAAAA==&#10;" fillcolor="#046444 [3213]">
                <v:fill opacity="19532f"/>
                <v:textbox style="mso-fit-shape-to-text:t">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v:textbox>
                <w10:anchorlock/>
              </v:shape>
            </w:pict>
          </mc:Fallback>
        </mc:AlternateContent>
      </w:r>
    </w:p>
    <w:p w14:paraId="7C320F4D" w14:textId="77777777" w:rsidR="000948C1" w:rsidRDefault="000948C1" w:rsidP="000948C1">
      <w:pPr>
        <w:pStyle w:val="Plattetekst"/>
      </w:pPr>
    </w:p>
    <w:p w14:paraId="13505477" w14:textId="77777777" w:rsidR="000948C1" w:rsidRPr="000948C1" w:rsidRDefault="000948C1" w:rsidP="000948C1">
      <w:pPr>
        <w:pStyle w:val="Plattetekst"/>
      </w:pPr>
    </w:p>
    <w:p w14:paraId="020A5519" w14:textId="4D8D4786" w:rsidR="0026594E" w:rsidRDefault="0026594E" w:rsidP="0026594E">
      <w:pPr>
        <w:pStyle w:val="Kop1"/>
      </w:pPr>
      <w:bookmarkStart w:id="32" w:name="_Ref194055758"/>
      <w:bookmarkStart w:id="33" w:name="_Toc203144482"/>
      <w:r>
        <w:lastRenderedPageBreak/>
        <w:t>Opstellen invoerbestand</w:t>
      </w:r>
      <w:bookmarkEnd w:id="32"/>
      <w:bookmarkEnd w:id="33"/>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79EBCC26" w14:textId="4650F612" w:rsidR="00D4522C" w:rsidRDefault="00D4522C" w:rsidP="00D4522C">
      <w:pPr>
        <w:pStyle w:val="Plattetekst"/>
        <w:numPr>
          <w:ilvl w:val="1"/>
          <w:numId w:val="14"/>
        </w:numPr>
      </w:pPr>
      <w:r w:rsidRPr="00EF6702">
        <w:t>Korte toelichting</w:t>
      </w:r>
    </w:p>
    <w:p w14:paraId="5BDA3AAF" w14:textId="77777777" w:rsidR="003E4E75" w:rsidRDefault="003E4E75" w:rsidP="003E4E75">
      <w:pPr>
        <w:pStyle w:val="Plattetekst"/>
      </w:pPr>
    </w:p>
    <w:p w14:paraId="5E0A1FDE" w14:textId="77777777" w:rsidR="003E4E75" w:rsidRPr="009E6533" w:rsidRDefault="003E4E75" w:rsidP="003E4E75">
      <w:pPr>
        <w:pStyle w:val="Plattetekst"/>
        <w:rPr>
          <w:b/>
          <w:bCs/>
          <w:color w:val="046444"/>
        </w:rPr>
      </w:pPr>
      <w:r>
        <w:rPr>
          <w:b/>
          <w:bCs/>
          <w:color w:val="046444"/>
        </w:rPr>
        <w:t>Aandachtspunt</w:t>
      </w:r>
      <w:r w:rsidRPr="009E6533">
        <w:rPr>
          <w:b/>
          <w:bCs/>
          <w:color w:val="046444"/>
        </w:rPr>
        <w:t>:</w:t>
      </w:r>
    </w:p>
    <w:p w14:paraId="45756EC0" w14:textId="77777777" w:rsidR="003E4E75" w:rsidRPr="00A54293" w:rsidRDefault="003E4E75" w:rsidP="003E4E75">
      <w:pPr>
        <w:pStyle w:val="Plattetekst"/>
      </w:pPr>
      <w:r>
        <w:rPr>
          <w:noProof/>
        </w:rPr>
        <mc:AlternateContent>
          <mc:Choice Requires="wps">
            <w:drawing>
              <wp:inline distT="0" distB="0" distL="0" distR="0" wp14:anchorId="6D4C2409" wp14:editId="1D0F62AF">
                <wp:extent cx="6217920" cy="675861"/>
                <wp:effectExtent l="0" t="0" r="11430" b="20320"/>
                <wp:docPr id="198971473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30196"/>
                          </a:srgbClr>
                        </a:solidFill>
                        <a:ln w="9525">
                          <a:solidFill>
                            <a:srgbClr val="000000"/>
                          </a:solidFill>
                          <a:miter lim="800000"/>
                          <a:headEnd/>
                          <a:tailEnd/>
                        </a:ln>
                      </wps:spPr>
                      <wps:txbx>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wps:txbx>
                      <wps:bodyPr rot="0" vert="horz" wrap="square" lIns="91440" tIns="45720" rIns="91440" bIns="45720" anchor="t" anchorCtr="0">
                        <a:spAutoFit/>
                      </wps:bodyPr>
                    </wps:wsp>
                  </a:graphicData>
                </a:graphic>
              </wp:inline>
            </w:drawing>
          </mc:Choice>
          <mc:Fallback>
            <w:pict>
              <v:shape w14:anchorId="6D4C2409" id="_x0000_s103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" fillcolor="#046444">
                <v:fill opacity="19789f"/>
                <v:textbox style="mso-fit-shape-to-text:t">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v:textbox>
                <w10:anchorlock/>
              </v:shape>
            </w:pict>
          </mc:Fallback>
        </mc:AlternateContent>
      </w:r>
    </w:p>
    <w:p w14:paraId="45269331" w14:textId="77777777" w:rsidR="003E4E75" w:rsidRDefault="003E4E75" w:rsidP="003E4E75">
      <w:pPr>
        <w:pStyle w:val="Plattetekst"/>
      </w:pPr>
    </w:p>
    <w:p w14:paraId="73E997AA" w14:textId="77777777" w:rsidR="003E4E75" w:rsidRPr="009E6533" w:rsidRDefault="003E4E75" w:rsidP="003E4E75">
      <w:pPr>
        <w:pStyle w:val="Plattetekst"/>
        <w:rPr>
          <w:b/>
          <w:bCs/>
          <w:color w:val="046444"/>
        </w:rPr>
      </w:pPr>
      <w:r>
        <w:rPr>
          <w:b/>
          <w:bCs/>
          <w:color w:val="046444"/>
        </w:rPr>
        <w:t>Tip</w:t>
      </w:r>
      <w:r w:rsidRPr="009E6533">
        <w:rPr>
          <w:b/>
          <w:bCs/>
          <w:color w:val="046444"/>
        </w:rPr>
        <w:t>:</w:t>
      </w:r>
    </w:p>
    <w:p w14:paraId="380B915D" w14:textId="421CAAE6" w:rsidR="003E4E75" w:rsidRDefault="003E4E75" w:rsidP="00D4522C">
      <w:pPr>
        <w:pStyle w:val="Plattetekst"/>
      </w:pPr>
      <w:r>
        <w:rPr>
          <w:noProof/>
        </w:rPr>
        <mc:AlternateContent>
          <mc:Choice Requires="wps">
            <w:drawing>
              <wp:inline distT="0" distB="0" distL="0" distR="0" wp14:anchorId="72499F53" wp14:editId="0D72257F">
                <wp:extent cx="6217920" cy="675861"/>
                <wp:effectExtent l="0" t="0" r="11430" b="26670"/>
                <wp:docPr id="1810796875"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29804"/>
                          </a:srgbClr>
                        </a:solidFill>
                        <a:ln w="9525">
                          <a:solidFill>
                            <a:srgbClr val="000000"/>
                          </a:solidFill>
                          <a:miter lim="800000"/>
                          <a:headEnd/>
                          <a:tailEnd/>
                        </a:ln>
                      </wps:spPr>
                      <wps:txbx>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wps:txbx>
                      <wps:bodyPr rot="0" vert="horz" wrap="square" lIns="91440" tIns="45720" rIns="91440" bIns="45720" anchor="t" anchorCtr="0">
                        <a:spAutoFit/>
                      </wps:bodyPr>
                    </wps:wsp>
                  </a:graphicData>
                </a:graphic>
              </wp:inline>
            </w:drawing>
          </mc:Choice>
          <mc:Fallback>
            <w:pict>
              <v:shape w14:anchorId="72499F53" id="_x0000_s1037"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" fillcolor="#046444">
                <v:fill opacity="19532f"/>
                <v:textbox style="mso-fit-shape-to-text:t">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v:textbox>
                <w10:anchorlock/>
              </v:shape>
            </w:pict>
          </mc:Fallback>
        </mc:AlternateContent>
      </w:r>
    </w:p>
    <w:p w14:paraId="506D1CFA" w14:textId="77777777" w:rsidR="003E4E75" w:rsidRDefault="003E4E75" w:rsidP="00D4522C">
      <w:pPr>
        <w:pStyle w:val="Plattetekst"/>
      </w:pPr>
    </w:p>
    <w:p w14:paraId="71EE33E8" w14:textId="16B59900" w:rsidR="009159BD" w:rsidRDefault="009159BD" w:rsidP="008010F2">
      <w:pPr>
        <w:pStyle w:val="Kop2"/>
      </w:pPr>
      <w:bookmarkStart w:id="34" w:name="_Ref194064145"/>
      <w:bookmarkStart w:id="35" w:name="_Toc203144483"/>
      <w:r>
        <w:t>Instellingen</w:t>
      </w:r>
      <w:bookmarkEnd w:id="34"/>
      <w:bookmarkEnd w:id="35"/>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2DD1EE1" w14:textId="77777777" w:rsidR="00D93EF2" w:rsidRDefault="00D93EF2" w:rsidP="004D5860">
      <w:pPr>
        <w:pStyle w:val="Plattetekst"/>
      </w:pPr>
    </w:p>
    <w:p w14:paraId="2CDA17E6" w14:textId="581B1B66" w:rsidR="00D93EF2" w:rsidRDefault="00F17ED3" w:rsidP="00D93EF2">
      <w:pPr>
        <w:pStyle w:val="Plattetekst"/>
      </w:pPr>
      <w:r w:rsidRPr="002F42BC">
        <w:rPr>
          <w:b/>
          <w:bCs/>
        </w:rPr>
        <w:t>Dimensie geometrie</w:t>
      </w:r>
      <w:r>
        <w:t xml:space="preserve"> </w:t>
      </w:r>
      <w:r w:rsidRPr="00D93EF2">
        <w:rPr>
          <w:b/>
          <w:bCs/>
        </w:rPr>
        <w:t>(2D/3D)</w:t>
      </w:r>
      <w:r w:rsidR="00AA588B" w:rsidRPr="00D93EF2">
        <w:rPr>
          <w:b/>
          <w:bCs/>
        </w:rPr>
        <w:t xml:space="preserve"> </w:t>
      </w:r>
    </w:p>
    <w:p w14:paraId="1F502EC5" w14:textId="088C6DF0" w:rsidR="00F17ED3" w:rsidRPr="004D5860" w:rsidRDefault="00AA588B" w:rsidP="00D93EF2">
      <w:pPr>
        <w:pStyle w:val="Plattetekst"/>
      </w:pPr>
      <w:r>
        <w:t xml:space="preserve">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4A1B16">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2CE187B0" w14:textId="77777777" w:rsidR="00D93EF2" w:rsidRPr="00D93EF2" w:rsidRDefault="00D93EF2" w:rsidP="00D93EF2">
      <w:pPr>
        <w:pStyle w:val="Plattetekst"/>
        <w:ind w:left="360"/>
      </w:pPr>
    </w:p>
    <w:p w14:paraId="4701F1A2" w14:textId="70ECCA85" w:rsidR="00D93EF2" w:rsidRDefault="00D509A7" w:rsidP="00D93EF2">
      <w:pPr>
        <w:pStyle w:val="Plattetekst"/>
      </w:pPr>
      <w:r>
        <w:rPr>
          <w:b/>
          <w:bCs/>
        </w:rPr>
        <w:t>Minimale diepte ondergrond</w:t>
      </w:r>
    </w:p>
    <w:p w14:paraId="6D29D91E" w14:textId="24DCD5C7" w:rsidR="004A1BB8" w:rsidRDefault="00D509A7" w:rsidP="00D93EF2">
      <w:pPr>
        <w:pStyle w:val="Plattetekst"/>
      </w:pPr>
      <w:r>
        <w:t>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32A51A0F" w14:textId="77777777" w:rsidR="00D93EF2" w:rsidRDefault="00D93EF2" w:rsidP="00D93EF2">
      <w:pPr>
        <w:pStyle w:val="Plattetekst"/>
      </w:pPr>
    </w:p>
    <w:p w14:paraId="6BC39123" w14:textId="1679C997" w:rsidR="00D93EF2" w:rsidRPr="00D93EF2" w:rsidRDefault="00C448C0" w:rsidP="00D93EF2">
      <w:pPr>
        <w:pStyle w:val="Plattetekst"/>
        <w:keepNext/>
        <w:rPr>
          <w:b/>
          <w:bCs/>
        </w:rPr>
      </w:pPr>
      <w:r w:rsidRPr="00D93EF2">
        <w:rPr>
          <w:b/>
          <w:bCs/>
        </w:rPr>
        <w:lastRenderedPageBreak/>
        <w:t>Rekenen (Ja/Nee)</w:t>
      </w:r>
    </w:p>
    <w:p w14:paraId="1AE24448" w14:textId="2ED122EF" w:rsidR="00C448C0" w:rsidRDefault="00C448C0" w:rsidP="00D93EF2">
      <w:pPr>
        <w:pStyle w:val="Plattetekst"/>
        <w:keepNext/>
      </w:pPr>
      <w:r>
        <w:t xml:space="preserve">Bij “Ja”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4A1B16">
        <w:t>3.12</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4A1B16">
        <w:t>3.15</w:t>
      </w:r>
      <w:r w:rsidR="00F15B81">
        <w:fldChar w:fldCharType="end"/>
      </w:r>
      <w:r w:rsidR="00F15B81">
        <w:t>).</w:t>
      </w:r>
    </w:p>
    <w:p w14:paraId="7F0824F1" w14:textId="77777777" w:rsidR="00D93EF2" w:rsidRPr="00D93EF2" w:rsidRDefault="00D93EF2" w:rsidP="00D93EF2">
      <w:pPr>
        <w:pStyle w:val="Plattetekst"/>
      </w:pPr>
    </w:p>
    <w:p w14:paraId="72F939BA" w14:textId="77777777" w:rsidR="00D93EF2" w:rsidRDefault="00F15B81" w:rsidP="00D93EF2">
      <w:pPr>
        <w:pStyle w:val="Plattetekst"/>
      </w:pPr>
      <w:r>
        <w:rPr>
          <w:b/>
          <w:bCs/>
        </w:rPr>
        <w:t>Uitvoermap</w:t>
      </w:r>
      <w:r>
        <w:t xml:space="preserve"> </w:t>
      </w:r>
    </w:p>
    <w:p w14:paraId="77824532" w14:textId="28918DCA" w:rsidR="00F15B81" w:rsidRDefault="00F15B81" w:rsidP="00D93EF2">
      <w:pPr>
        <w:pStyle w:val="Plattetekst"/>
      </w:pPr>
      <w:r>
        <w:t xml:space="preserve">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6" w:name="_Toc203144484"/>
      <w:r>
        <w:t>Dwarsprofielen</w:t>
      </w:r>
      <w:bookmarkEnd w:id="36"/>
    </w:p>
    <w:p w14:paraId="4020F477" w14:textId="0364AB35" w:rsidR="00B6623A" w:rsidRDefault="00006E07" w:rsidP="00B6623A">
      <w:pPr>
        <w:pStyle w:val="Plattetekst"/>
      </w:pPr>
      <w:r>
        <w:t>Voor de invoer van de dwarsprofielen is het onderstaande van toepassing:</w:t>
      </w:r>
    </w:p>
    <w:p w14:paraId="3E1BBDC7" w14:textId="75CFAF59"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w:t>
      </w:r>
      <w:r w:rsidR="00461F1B">
        <w:t>bekend als</w:t>
      </w:r>
      <w:r w:rsidR="00DB629D">
        <w:t xml:space="preserve">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951A54F"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r w:rsidR="00343CB0">
        <w:t xml:space="preserve"> Er volgt geen foutmelding.</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7E2E203C" w14:textId="2C515B01" w:rsidR="0015778F" w:rsidRDefault="008A06F4" w:rsidP="0015778F">
      <w:pPr>
        <w:pStyle w:val="Plattetekst"/>
        <w:numPr>
          <w:ilvl w:val="0"/>
          <w:numId w:val="24"/>
        </w:numPr>
      </w:pPr>
      <w:r>
        <w:t xml:space="preserve">Coördinaten met een gelijk X-, en Y-coördinaat zijn in </w:t>
      </w:r>
      <w:r w:rsidR="00C075DB">
        <w:t xml:space="preserve">sommige gevallen toegestaan. </w:t>
      </w:r>
      <w:r w:rsidR="003D7F19">
        <w:t xml:space="preserve">Wanneer in het tabblad </w:t>
      </w:r>
      <w:r w:rsidR="00894D86">
        <w:t>“Stijghoogte” in kolom “</w:t>
      </w:r>
      <w:r w:rsidR="00C96812">
        <w:t>Methode Stijghoogte” gekozen is voor “</w:t>
      </w:r>
      <w:r w:rsidR="00C96812" w:rsidRPr="00C96812">
        <w:t>Afleiden uit ander scenario</w:t>
      </w:r>
      <w:r w:rsidR="00C96812">
        <w:t>” dan is het niet mogelijk om coördinaten met een gelijk X- en Y-coördinaat te hebben. In dat geval geeft de tool een foutmelding.</w:t>
      </w:r>
    </w:p>
    <w:p w14:paraId="0407D75C" w14:textId="77777777" w:rsidR="008B6C4A" w:rsidRDefault="008B6C4A" w:rsidP="008B6C4A">
      <w:pPr>
        <w:pStyle w:val="Plattetekst"/>
      </w:pPr>
    </w:p>
    <w:p w14:paraId="48CC2286" w14:textId="23031969" w:rsidR="008010F2" w:rsidRDefault="008010F2" w:rsidP="008010F2">
      <w:pPr>
        <w:pStyle w:val="Kop2"/>
      </w:pPr>
      <w:bookmarkStart w:id="37" w:name="_Ref194393973"/>
      <w:bookmarkStart w:id="38" w:name="_Toc203144485"/>
      <w:r>
        <w:t>Kar. punten</w:t>
      </w:r>
      <w:bookmarkEnd w:id="37"/>
      <w:bookmarkEnd w:id="38"/>
    </w:p>
    <w:p w14:paraId="1E92BB17" w14:textId="3960F652"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4A1B16">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73DEAF5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versa).</w:t>
      </w:r>
    </w:p>
    <w:p w14:paraId="2AADE647" w14:textId="06A2D010" w:rsidR="000B1EC7" w:rsidRDefault="00056484" w:rsidP="00BB4B84">
      <w:pPr>
        <w:pStyle w:val="Plattetekst"/>
        <w:numPr>
          <w:ilvl w:val="0"/>
          <w:numId w:val="25"/>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1C94E159"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12586">
        <w:t xml:space="preserve"> en</w:t>
      </w:r>
      <w:r w:rsidR="006A69E0">
        <w:t xml:space="preserve"> </w:t>
      </w:r>
      <w:r w:rsidR="00724D49">
        <w:t>sterkteparameters</w:t>
      </w:r>
      <w:r w:rsidR="00612586">
        <w:t>.</w:t>
      </w:r>
    </w:p>
    <w:p w14:paraId="5032F539" w14:textId="208905EB" w:rsidR="00B47D73" w:rsidRDefault="00B47D73" w:rsidP="00BB4B84">
      <w:pPr>
        <w:pStyle w:val="Plattetekst"/>
        <w:numPr>
          <w:ilvl w:val="0"/>
          <w:numId w:val="25"/>
        </w:numPr>
      </w:pPr>
      <w:r>
        <w:t xml:space="preserve">De </w:t>
      </w:r>
      <w:r w:rsidR="009A2880">
        <w:t>karakteristieke punten moeten allen ook aanwezig zijn</w:t>
      </w:r>
      <w:r w:rsidR="002619F4">
        <w:t xml:space="preserve"> in het corresponderende dwarsprofiel. De tool voert hier geen </w:t>
      </w:r>
      <w:r w:rsidR="00CB0191">
        <w:t>controle</w:t>
      </w:r>
      <w:r w:rsidR="002619F4">
        <w:t xml:space="preserve"> op uit.</w:t>
      </w:r>
    </w:p>
    <w:p w14:paraId="559C60E6" w14:textId="2BEDE1B3" w:rsidR="003F6FAC" w:rsidRDefault="009560B9" w:rsidP="00BB4B84">
      <w:pPr>
        <w:pStyle w:val="Plattetekst"/>
        <w:numPr>
          <w:ilvl w:val="0"/>
          <w:numId w:val="25"/>
        </w:numPr>
      </w:pPr>
      <w:r>
        <w:lastRenderedPageBreak/>
        <w:t xml:space="preserve">Als de karakteristieke punten “Maaiveld binnenwaarts” en “Maaiveld buitenwaarts” zijn opgegeven, </w:t>
      </w:r>
      <w:r w:rsidR="00E84E52">
        <w:t>moeten deze punten in het dwarsprofiel ook de twee buitenste punten zijn. Dit is de definitie van de twee karakteristieke punten. De tool maakt gebruik van deze logica.</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9" w:name="_Ref194394207"/>
      <w:bookmarkStart w:id="40" w:name="_Toc203144486"/>
      <w:r>
        <w:t>Sterkteparameters</w:t>
      </w:r>
      <w:bookmarkEnd w:id="39"/>
      <w:bookmarkEnd w:id="40"/>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4">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7AFB55D4" w:rsidR="00BF6680" w:rsidRPr="00285031" w:rsidRDefault="00BE33E8" w:rsidP="00AE7295">
      <w:pPr>
        <w:pStyle w:val="Bijschrift"/>
      </w:pPr>
      <w:r>
        <w:t xml:space="preserve">figuur </w:t>
      </w:r>
      <w:fldSimple w:instr=" STYLEREF 1 \s ">
        <w:r w:rsidR="004A1B16">
          <w:rPr>
            <w:noProof/>
          </w:rPr>
          <w:t>3</w:t>
        </w:r>
      </w:fldSimple>
      <w:r w:rsidR="00675DAB">
        <w:noBreakHyphen/>
      </w:r>
      <w:fldSimple w:instr=" SEQ figuur \* ARABIC \s 1 ">
        <w:r w:rsidR="004A1B16">
          <w:rPr>
            <w:noProof/>
          </w:rPr>
          <w:t>1</w:t>
        </w:r>
      </w:fldSimple>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28657BD1"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4A1B16">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4E365744" w:rsidR="00F96A83" w:rsidRDefault="00E36B8C" w:rsidP="00BB4B84">
      <w:pPr>
        <w:pStyle w:val="Plattetekst"/>
        <w:numPr>
          <w:ilvl w:val="0"/>
          <w:numId w:val="18"/>
        </w:numPr>
      </w:pPr>
      <w:r>
        <w:t xml:space="preserve">In de huidige versie van de tool is het niet </w:t>
      </w:r>
      <w:r w:rsidR="00F96A83">
        <w:t>mogelijk om POP</w:t>
      </w:r>
      <w:r w:rsidR="00CF6334">
        <w:t>-stochasten</w:t>
      </w:r>
      <w:r w:rsidR="00F96A83">
        <w:t xml:space="preserve"> van</w:t>
      </w:r>
      <w:r w:rsidR="00CF6334">
        <w:t xml:space="preserve"> verschillende</w:t>
      </w:r>
      <w:r w:rsidR="00F96A83">
        <w:t xml:space="preserve"> grondsoorten aan elkaar te correleren. </w:t>
      </w:r>
    </w:p>
    <w:p w14:paraId="1F105491" w14:textId="47C6E439" w:rsidR="00CF6334" w:rsidRDefault="00CA0D1A" w:rsidP="00BB4B84">
      <w:pPr>
        <w:pStyle w:val="Plattetekst"/>
        <w:numPr>
          <w:ilvl w:val="0"/>
          <w:numId w:val="18"/>
        </w:numPr>
      </w:pPr>
      <w:r>
        <w:t xml:space="preserve">Voor de belastinggeschiedenis is het </w:t>
      </w:r>
      <w:r w:rsidR="00E059BB">
        <w:t>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0412A8D3" w:rsidR="00277AB2" w:rsidRDefault="00E70462" w:rsidP="00BB4B84">
      <w:pPr>
        <w:pStyle w:val="Plattetekst"/>
        <w:numPr>
          <w:ilvl w:val="0"/>
          <w:numId w:val="18"/>
        </w:numPr>
      </w:pPr>
      <w:r>
        <w:t xml:space="preserve">De POP wordt toegevoegd in een </w:t>
      </w:r>
      <w:r w:rsidR="00CF6334">
        <w:t>“state point”</w:t>
      </w:r>
      <w:r>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lastRenderedPageBreak/>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1" w:name="_Toc203144487"/>
      <w:r>
        <w:t>Bodemprofielen</w:t>
      </w:r>
      <w:bookmarkEnd w:id="41"/>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6D06B18F"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4A1B16">
        <w:t>3.1</w:t>
      </w:r>
      <w:r w:rsidR="003E3DC6">
        <w:fldChar w:fldCharType="end"/>
      </w:r>
      <w:r w:rsidR="003E3DC6">
        <w:t xml:space="preserve"> bij de instelling “Minimale </w:t>
      </w:r>
      <w:r w:rsidR="00C157EF">
        <w:t>diepte ondergrond</w:t>
      </w:r>
      <w:r w:rsidR="003E3DC6">
        <w:t>”.</w:t>
      </w:r>
    </w:p>
    <w:p w14:paraId="5129873D" w14:textId="2B80883B" w:rsidR="00BB526D" w:rsidRDefault="00BB526D" w:rsidP="00BB4B84">
      <w:pPr>
        <w:pStyle w:val="Plattetekst"/>
        <w:numPr>
          <w:ilvl w:val="0"/>
          <w:numId w:val="26"/>
        </w:numPr>
      </w:pPr>
      <w:r>
        <w:t>In de kolom “Water</w:t>
      </w:r>
      <w:r w:rsidR="005C545D">
        <w:t xml:space="preserve">voerend” </w:t>
      </w:r>
      <w:r w:rsidR="004E79D4">
        <w:t xml:space="preserve">wordt aangegeven of </w:t>
      </w:r>
      <w:r w:rsidR="00117374">
        <w:t>de grondlaag watervoerend is. Deze aanduiding wordt gebruikt voor het schematiseren van de waterspanningen.</w:t>
      </w:r>
      <w:r w:rsidR="00FD6788">
        <w:t xml:space="preserve"> Voor details </w:t>
      </w:r>
      <w:r w:rsidR="001F5C9B">
        <w:t xml:space="preserve">over de waterspanningen wordt verwezen naar </w:t>
      </w:r>
      <w:r w:rsidR="001F5C9B">
        <w:fldChar w:fldCharType="begin"/>
      </w:r>
      <w:r w:rsidR="001F5C9B">
        <w:instrText xml:space="preserve"> REF _Ref199164374 \r \h </w:instrText>
      </w:r>
      <w:r w:rsidR="001F5C9B">
        <w:fldChar w:fldCharType="separate"/>
      </w:r>
      <w:r w:rsidR="004A1B16">
        <w:t>4.3</w:t>
      </w:r>
      <w:r w:rsidR="001F5C9B">
        <w:fldChar w:fldCharType="end"/>
      </w:r>
      <w:r w:rsidR="001F5C9B">
        <w:t>.</w:t>
      </w:r>
    </w:p>
    <w:p w14:paraId="7223965D" w14:textId="6E8A77F9"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45BEB342"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182A55">
        <w:t xml:space="preserve"> </w:t>
      </w:r>
      <w:r w:rsidR="008E0091">
        <w:t>In combinatie met het gebruik van een bekleding</w:t>
      </w:r>
      <w:r w:rsidR="00AF6178">
        <w:t xml:space="preserve"> kunnen er gaten onder de bekleding ontstaan.</w:t>
      </w:r>
      <w:r w:rsidR="004224D6">
        <w:t xml:space="preserve"> </w:t>
      </w:r>
      <w:r w:rsidR="00182A55">
        <w:t xml:space="preserve">De tool voert geen controle op uit.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r w:rsidR="00AF6178">
        <w:t xml:space="preserve"> </w:t>
      </w:r>
    </w:p>
    <w:p w14:paraId="20547C68" w14:textId="77777777" w:rsidR="00CC34F6" w:rsidRDefault="00CC34F6" w:rsidP="00CC34F6">
      <w:pPr>
        <w:pStyle w:val="Plattetekst"/>
      </w:pPr>
    </w:p>
    <w:p w14:paraId="5AD82F35" w14:textId="5B17563F" w:rsidR="00CC34F6" w:rsidRPr="009E6533" w:rsidRDefault="00CC34F6" w:rsidP="00CC34F6">
      <w:pPr>
        <w:pStyle w:val="Plattetekst"/>
        <w:keepNext/>
        <w:rPr>
          <w:b/>
          <w:bCs/>
          <w:color w:val="046444"/>
        </w:rPr>
      </w:pPr>
      <w:r>
        <w:rPr>
          <w:b/>
          <w:bCs/>
          <w:color w:val="046444"/>
        </w:rPr>
        <w:t>Aandachtspunt</w:t>
      </w:r>
      <w:r w:rsidRPr="009E6533">
        <w:rPr>
          <w:b/>
          <w:bCs/>
          <w:color w:val="046444"/>
        </w:rPr>
        <w:t>:</w:t>
      </w:r>
    </w:p>
    <w:p w14:paraId="3297EB35" w14:textId="77777777" w:rsidR="00CC34F6" w:rsidRPr="00C24838" w:rsidRDefault="00CC34F6" w:rsidP="00CC34F6">
      <w:pPr>
        <w:pStyle w:val="Plattetekst"/>
        <w:keepNext/>
      </w:pPr>
      <w:r>
        <w:rPr>
          <w:noProof/>
        </w:rPr>
        <mc:AlternateContent>
          <mc:Choice Requires="wps">
            <w:drawing>
              <wp:inline distT="0" distB="0" distL="0" distR="0" wp14:anchorId="092719C3" wp14:editId="3C140896">
                <wp:extent cx="6217920" cy="675861"/>
                <wp:effectExtent l="0" t="0" r="11430" b="20320"/>
                <wp:docPr id="155468631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wps:txbx>
                      <wps:bodyPr rot="0" vert="horz" wrap="square" lIns="91440" tIns="45720" rIns="91440" bIns="45720" anchor="t" anchorCtr="0">
                        <a:spAutoFit/>
                      </wps:bodyPr>
                    </wps:wsp>
                  </a:graphicData>
                </a:graphic>
              </wp:inline>
            </w:drawing>
          </mc:Choice>
          <mc:Fallback>
            <w:pict>
              <v:shape w14:anchorId="092719C3" id="_x0000_s1038"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" fillcolor="#046444 [3213]">
                <v:fill opacity="19532f"/>
                <v:textbox style="mso-fit-shape-to-text:t">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v:textbox>
                <w10:anchorlock/>
              </v:shape>
            </w:pict>
          </mc:Fallback>
        </mc:AlternateConten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2" w:name="_Toc203144488"/>
      <w:r>
        <w:t>Bodemopbouw</w:t>
      </w:r>
      <w:bookmarkEnd w:id="42"/>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lastRenderedPageBreak/>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338EB9C9"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Bodemprofiel</w:t>
      </w:r>
      <w:r w:rsidR="0042138A">
        <w:t xml:space="preserve"> i</w:t>
      </w:r>
      <w:r w:rsidR="00280B19">
        <w:t xml:space="preserve">” </w:t>
      </w:r>
      <w:r>
        <w:t>en “L-coördinaat start</w:t>
      </w:r>
      <w:r w:rsidR="0042138A">
        <w:t xml:space="preserve"> i</w:t>
      </w:r>
      <w:r>
        <w:t>”</w:t>
      </w:r>
      <w:r w:rsidR="00E95C72">
        <w:t>, waarin i een nummer betreft.</w:t>
      </w:r>
      <w:r>
        <w:t xml:space="preserve">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r w:rsidR="00C82330">
        <w:t xml:space="preserve"> In </w:t>
      </w:r>
      <w:r w:rsidR="00C82330">
        <w:fldChar w:fldCharType="begin"/>
      </w:r>
      <w:r w:rsidR="00C82330">
        <w:instrText xml:space="preserve"> REF _Ref203050153 \h </w:instrText>
      </w:r>
      <w:r w:rsidR="00C82330">
        <w:fldChar w:fldCharType="separate"/>
      </w:r>
      <w:r w:rsidR="004A1B16">
        <w:t xml:space="preserve">figuur </w:t>
      </w:r>
      <w:r w:rsidR="004A1B16">
        <w:rPr>
          <w:noProof/>
        </w:rPr>
        <w:t>3</w:t>
      </w:r>
      <w:r w:rsidR="004A1B16">
        <w:noBreakHyphen/>
      </w:r>
      <w:r w:rsidR="004A1B16">
        <w:rPr>
          <w:noProof/>
        </w:rPr>
        <w:t>2</w:t>
      </w:r>
      <w:r w:rsidR="00C82330">
        <w:fldChar w:fldCharType="end"/>
      </w:r>
      <w:r w:rsidR="00C82330">
        <w:t xml:space="preserve"> is een voorbeeld gepresenteerd van een bodemopbouw met drie bodemprofielen. De invoerparameters zijn op het figuur aangegeven.</w:t>
      </w:r>
    </w:p>
    <w:p w14:paraId="7A3EE69F" w14:textId="0C13B391" w:rsidR="002B3A49" w:rsidRDefault="002B3A49" w:rsidP="00BB4B84">
      <w:pPr>
        <w:pStyle w:val="Plattetekst"/>
        <w:numPr>
          <w:ilvl w:val="0"/>
          <w:numId w:val="27"/>
        </w:numPr>
      </w:pPr>
      <w:r>
        <w:t>Het laatste bodemprofiel eindigt bij het meest rechterpunt in het dwarsprofiel.</w:t>
      </w:r>
    </w:p>
    <w:p w14:paraId="29011B39" w14:textId="59E3CBBE" w:rsidR="006719FB" w:rsidRDefault="006719FB" w:rsidP="00BB4B84">
      <w:pPr>
        <w:pStyle w:val="Plattetekst"/>
        <w:numPr>
          <w:ilvl w:val="0"/>
          <w:numId w:val="27"/>
        </w:numPr>
      </w:pPr>
      <w:r>
        <w:t>Bij gebruik van één bodemprofiel</w:t>
      </w:r>
      <w:r w:rsidR="00667308">
        <w:t xml:space="preserve"> hoeft per bodemopbouw enkel de kolom “Bodemprofiel 1” te worden ingevuld.</w:t>
      </w:r>
    </w:p>
    <w:p w14:paraId="01D931FF" w14:textId="3C29D7FD" w:rsidR="00D11255" w:rsidRDefault="00AC795A" w:rsidP="00BB4B84">
      <w:pPr>
        <w:pStyle w:val="Plattetekst"/>
        <w:numPr>
          <w:ilvl w:val="0"/>
          <w:numId w:val="27"/>
        </w:numPr>
      </w:pPr>
      <w:r>
        <w:t xml:space="preserve">In het tabblad “Bodemprofielen” is aangegeven of er lagen watervoerend zijn. </w:t>
      </w:r>
      <w:r w:rsidR="004922DF">
        <w:t xml:space="preserve">Voor het creëren van een geldige watervoerende laag in een bodemopbouw met </w:t>
      </w:r>
      <w:r w:rsidR="001E6686">
        <w:t xml:space="preserve">meerdere bodemprofielen zijn </w:t>
      </w:r>
      <w:r w:rsidR="00BB2089">
        <w:t xml:space="preserve">specifieke voorwaarden. </w:t>
      </w:r>
      <w:r w:rsidR="00C74D9D">
        <w:t xml:space="preserve">Dit is toegelicht in paragraaf </w:t>
      </w:r>
      <w:r w:rsidR="00C74D9D">
        <w:fldChar w:fldCharType="begin"/>
      </w:r>
      <w:r w:rsidR="00C74D9D">
        <w:instrText xml:space="preserve"> REF _Ref199162034 \n \h </w:instrText>
      </w:r>
      <w:r w:rsidR="00C74D9D">
        <w:fldChar w:fldCharType="separate"/>
      </w:r>
      <w:r w:rsidR="004A1B16">
        <w:t>4.3.5</w:t>
      </w:r>
      <w:r w:rsidR="00C74D9D">
        <w:fldChar w:fldCharType="end"/>
      </w:r>
      <w:r w:rsidR="00C74D9D">
        <w:t>.</w:t>
      </w:r>
    </w:p>
    <w:p w14:paraId="32E8DE1B" w14:textId="77777777" w:rsidR="001705CF" w:rsidRDefault="001705CF" w:rsidP="001705CF">
      <w:pPr>
        <w:pStyle w:val="Plattetekst"/>
      </w:pPr>
    </w:p>
    <w:p w14:paraId="0AB669C0" w14:textId="77777777" w:rsidR="001705CF" w:rsidRDefault="001705CF" w:rsidP="001705CF">
      <w:pPr>
        <w:pStyle w:val="Plattetekst"/>
        <w:keepNext/>
      </w:pPr>
      <w:r w:rsidRPr="001705CF">
        <w:rPr>
          <w:noProof/>
        </w:rPr>
        <w:drawing>
          <wp:inline distT="0" distB="0" distL="0" distR="0" wp14:anchorId="79ABD95F" wp14:editId="5E3725AB">
            <wp:extent cx="6120130" cy="2599701"/>
            <wp:effectExtent l="38100" t="38100" r="33020" b="29210"/>
            <wp:docPr id="395216682"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216682" name="Afbeelding 1"/>
                    <pic:cNvPicPr/>
                  </pic:nvPicPr>
                  <pic:blipFill>
                    <a:blip r:embed="rId25">
                      <a:extLst>
                        <a:ext uri="{28A0092B-C50C-407E-A947-70E740481C1C}">
                          <a14:useLocalDpi xmlns:a14="http://schemas.microsoft.com/office/drawing/2010/main" val="0"/>
                        </a:ext>
                      </a:extLst>
                    </a:blip>
                    <a:stretch>
                      <a:fillRect/>
                    </a:stretch>
                  </pic:blipFill>
                  <pic:spPr>
                    <a:xfrm>
                      <a:off x="0" y="0"/>
                      <a:ext cx="6120130" cy="2599701"/>
                    </a:xfrm>
                    <a:prstGeom prst="rect">
                      <a:avLst/>
                    </a:prstGeom>
                    <a:ln>
                      <a:noFill/>
                    </a:ln>
                    <a:effectLst>
                      <a:glow rad="25400">
                        <a:schemeClr val="tx2">
                          <a:alpha val="40000"/>
                        </a:schemeClr>
                      </a:glow>
                    </a:effectLst>
                  </pic:spPr>
                </pic:pic>
              </a:graphicData>
            </a:graphic>
          </wp:inline>
        </w:drawing>
      </w:r>
    </w:p>
    <w:p w14:paraId="34D86C12" w14:textId="64D17F08" w:rsidR="001705CF" w:rsidRDefault="001705CF" w:rsidP="00AE7295">
      <w:pPr>
        <w:pStyle w:val="Bijschrift"/>
      </w:pPr>
      <w:bookmarkStart w:id="43" w:name="_Ref203050153"/>
      <w:r>
        <w:t xml:space="preserve">figuur </w:t>
      </w:r>
      <w:fldSimple w:instr=" STYLEREF 1 \s ">
        <w:r w:rsidR="004A1B16">
          <w:rPr>
            <w:noProof/>
          </w:rPr>
          <w:t>3</w:t>
        </w:r>
      </w:fldSimple>
      <w:r w:rsidR="00675DAB">
        <w:noBreakHyphen/>
      </w:r>
      <w:fldSimple w:instr=" SEQ figuur \* ARABIC \s 1 ">
        <w:r w:rsidR="004A1B16">
          <w:rPr>
            <w:noProof/>
          </w:rPr>
          <w:t>2</w:t>
        </w:r>
      </w:fldSimple>
      <w:bookmarkEnd w:id="43"/>
      <w:r>
        <w:t>: Schematisering bodemopbouw met drie bodemprofielen</w:t>
      </w:r>
    </w:p>
    <w:p w14:paraId="71D34C8B" w14:textId="77777777" w:rsidR="002B3A49" w:rsidRDefault="002B3A49" w:rsidP="002B3A49">
      <w:pPr>
        <w:pStyle w:val="Plattetekst"/>
      </w:pPr>
    </w:p>
    <w:p w14:paraId="1DC3F987" w14:textId="3E9B09A7" w:rsidR="003A708B" w:rsidRDefault="005C5155" w:rsidP="005C5155">
      <w:pPr>
        <w:pStyle w:val="Kop2"/>
      </w:pPr>
      <w:bookmarkStart w:id="44" w:name="_Toc203144489"/>
      <w:r>
        <w:t>Waterstanden</w:t>
      </w:r>
      <w:bookmarkEnd w:id="44"/>
    </w:p>
    <w:p w14:paraId="352CB985" w14:textId="77777777" w:rsidR="00CC2BC4" w:rsidRDefault="00CC2BC4" w:rsidP="00CC2BC4">
      <w:pPr>
        <w:pStyle w:val="Plattetekst"/>
        <w:rPr>
          <w:b/>
          <w:bCs/>
          <w:color w:val="046444"/>
        </w:rPr>
      </w:pPr>
      <w:r>
        <w:rPr>
          <w:b/>
          <w:bCs/>
          <w:color w:val="046444"/>
        </w:rPr>
        <w:t>Tip:</w:t>
      </w:r>
    </w:p>
    <w:p w14:paraId="0FD5EE19" w14:textId="2113354A" w:rsidR="00CC2BC4" w:rsidRDefault="00CC2BC4" w:rsidP="00CC2BC4">
      <w:pPr>
        <w:pStyle w:val="Plattetekst"/>
      </w:pPr>
      <w:r>
        <w:rPr>
          <w:noProof/>
        </w:rPr>
        <mc:AlternateContent>
          <mc:Choice Requires="wps">
            <w:drawing>
              <wp:inline distT="0" distB="0" distL="0" distR="0" wp14:anchorId="7F76A605" wp14:editId="1480824B">
                <wp:extent cx="6217920" cy="583565"/>
                <wp:effectExtent l="9525" t="9525" r="11430" b="6985"/>
                <wp:docPr id="497717757" name="Tekstvak 1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583565"/>
                        </a:xfrm>
                        <a:prstGeom prst="rect">
                          <a:avLst/>
                        </a:prstGeom>
                        <a:solidFill>
                          <a:srgbClr val="046444">
                            <a:alpha val="29803"/>
                          </a:srgbClr>
                        </a:solidFill>
                        <a:ln w="9525">
                          <a:solidFill>
                            <a:srgbClr val="000000"/>
                          </a:solidFill>
                          <a:miter lim="800000"/>
                          <a:headEnd/>
                          <a:tailEnd/>
                        </a:ln>
                      </wps:spPr>
                      <wps:txbx>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wps:txbx>
                      <wps:bodyPr rot="0" vert="horz" wrap="square" lIns="91440" tIns="45720" rIns="91440" bIns="45720" anchor="t" anchorCtr="0" upright="1">
                        <a:spAutoFit/>
                      </wps:bodyPr>
                    </wps:wsp>
                  </a:graphicData>
                </a:graphic>
              </wp:inline>
            </w:drawing>
          </mc:Choice>
          <mc:Fallback>
            <w:pict>
              <v:shape w14:anchorId="7F76A605" id="Tekstvak 12" o:spid="_x0000_s1039" type="#_x0000_t202" style="width:489.6pt;height:45.9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" fillcolor="#046444">
                <v:fill opacity="19532f"/>
                <v:textbox style="mso-fit-shape-to-text:t">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v:textbox>
                <w10:anchorlock/>
              </v:shape>
            </w:pict>
          </mc:Fallback>
        </mc:AlternateContent>
      </w:r>
    </w:p>
    <w:p w14:paraId="1D1BF333" w14:textId="77777777" w:rsidR="00CC2BC4" w:rsidRDefault="00CC2BC4" w:rsidP="00CC2BC4">
      <w:pPr>
        <w:pStyle w:val="Plattetekst"/>
      </w:pPr>
    </w:p>
    <w:p w14:paraId="7AEC10E2" w14:textId="7B72BF4D" w:rsidR="001B309E" w:rsidRDefault="00BB3793" w:rsidP="00CC2BC4">
      <w:pPr>
        <w:pStyle w:val="Plattetekst"/>
      </w:pPr>
      <w:r>
        <w:t xml:space="preserve">In het tabblad “Waterstanden” </w:t>
      </w:r>
      <w:r w:rsidR="005D68C2">
        <w:t>worden alle waterstanden opgegeven</w:t>
      </w:r>
      <w:r w:rsidR="007E1563">
        <w:t xml:space="preserve"> die van toepassing zijn </w:t>
      </w:r>
      <w:r w:rsidR="00AB53C3">
        <w:t>op de berekeningen.</w:t>
      </w:r>
    </w:p>
    <w:p w14:paraId="0097617C" w14:textId="404E69FE" w:rsidR="00BB3793" w:rsidRDefault="001B309E" w:rsidP="003E30D6">
      <w:pPr>
        <w:pStyle w:val="Plattetekst"/>
        <w:numPr>
          <w:ilvl w:val="0"/>
          <w:numId w:val="44"/>
        </w:numPr>
      </w:pPr>
      <w:r>
        <w:t xml:space="preserve">De waterstanden zijn gekoppeld aan de dwarsprofielen. </w:t>
      </w:r>
      <w:r w:rsidR="00C31630">
        <w:t>Voor ieder dwarsprofiel</w:t>
      </w:r>
      <w:r w:rsidR="00CF3A21">
        <w:t xml:space="preserve"> in het tabblad “Dwarsprofielen” dat in de berekeningen gebruikt wordt moet er een corresponderende rij in het tabblad “Waterstanden” zijn.</w:t>
      </w:r>
      <w:r w:rsidR="003E30D6">
        <w:t xml:space="preserve"> </w:t>
      </w:r>
      <w:r w:rsidR="00CF3A21">
        <w:t>De koppeling gebeurt met de naam. Dit is de kolom “LOCATIONID” voor de dwarsprofielen en de kolom “Naam Locatie” voor de waterstanden.</w:t>
      </w:r>
    </w:p>
    <w:p w14:paraId="2957A73A" w14:textId="0C92A931" w:rsidR="009039A7" w:rsidRDefault="009039A7" w:rsidP="001862D6">
      <w:pPr>
        <w:pStyle w:val="Plattetekst"/>
        <w:numPr>
          <w:ilvl w:val="0"/>
          <w:numId w:val="44"/>
        </w:numPr>
      </w:pPr>
      <w:r>
        <w:t>De naam van de kolommen na “</w:t>
      </w:r>
      <w:r w:rsidR="006A1677">
        <w:t>Naam locatie” kan vrij gekozen worden. Geef deze een herleidbare naam voor de op te geven waterstand, bijvoorbeeld “Normwaterstand”.</w:t>
      </w:r>
    </w:p>
    <w:p w14:paraId="2B258150" w14:textId="77777777" w:rsidR="00BB3793" w:rsidRDefault="00BB3793" w:rsidP="00CC2BC4">
      <w:pPr>
        <w:pStyle w:val="Plattetekst"/>
      </w:pPr>
    </w:p>
    <w:p w14:paraId="656575E3" w14:textId="616F6801" w:rsidR="003D4C55" w:rsidRDefault="00CA5276" w:rsidP="00CC2BC4">
      <w:pPr>
        <w:pStyle w:val="Plattetekst"/>
      </w:pPr>
      <w:r>
        <w:t xml:space="preserve">De waterstanden worden gebruikt als referentieniveau voor het schematiseren van waterlijnen met de offset methode (zie paragraaf </w:t>
      </w:r>
      <w:r>
        <w:fldChar w:fldCharType="begin"/>
      </w:r>
      <w:r>
        <w:instrText xml:space="preserve"> REF _Ref203051288 \n \h </w:instrText>
      </w:r>
      <w:r>
        <w:fldChar w:fldCharType="separate"/>
      </w:r>
      <w:r w:rsidR="004A1B16">
        <w:t>3.9</w:t>
      </w:r>
      <w:r>
        <w:fldChar w:fldCharType="end"/>
      </w:r>
      <w:r>
        <w:t xml:space="preserve"> en </w:t>
      </w:r>
      <w:r>
        <w:fldChar w:fldCharType="begin"/>
      </w:r>
      <w:r>
        <w:instrText xml:space="preserve"> REF _Ref199164374 \n \h </w:instrText>
      </w:r>
      <w:r>
        <w:fldChar w:fldCharType="separate"/>
      </w:r>
      <w:r w:rsidR="004A1B16">
        <w:t>4.3</w:t>
      </w:r>
      <w:r>
        <w:fldChar w:fldCharType="end"/>
      </w:r>
      <w:r>
        <w:t xml:space="preserve">). </w:t>
      </w:r>
      <w:r w:rsidR="00B3671D">
        <w:t xml:space="preserve">Dit hoeft echter niet persé een waterstand te zijn. Het is ook mogelijk </w:t>
      </w:r>
      <w:r w:rsidR="00831500">
        <w:t>om bijvoorbeeld de onderzijde van de zandkern op te geven</w:t>
      </w:r>
      <w:r w:rsidR="0022256C">
        <w:t xml:space="preserve"> om hier later de freatische lijn in de kern mee te schematiseren.</w:t>
      </w:r>
    </w:p>
    <w:p w14:paraId="56A88D0B" w14:textId="77777777" w:rsidR="00FE6971" w:rsidRDefault="00FE6971" w:rsidP="00CC2BC4">
      <w:pPr>
        <w:pStyle w:val="Plattetekst"/>
      </w:pPr>
    </w:p>
    <w:p w14:paraId="728E9B6E" w14:textId="576CEDB7" w:rsidR="00FE6971" w:rsidRDefault="00FE6971" w:rsidP="00CC2BC4">
      <w:pPr>
        <w:pStyle w:val="Plattetekst"/>
      </w:pPr>
      <w:r>
        <w:t xml:space="preserve">Een voorbeeld is gegeven in </w:t>
      </w:r>
      <w:r>
        <w:fldChar w:fldCharType="begin"/>
      </w:r>
      <w:r>
        <w:instrText xml:space="preserve"> REF _Ref203052734 \h </w:instrText>
      </w:r>
      <w:r>
        <w:fldChar w:fldCharType="separate"/>
      </w:r>
      <w:r w:rsidR="004A1B16">
        <w:t xml:space="preserve">figuur </w:t>
      </w:r>
      <w:r w:rsidR="004A1B16">
        <w:rPr>
          <w:noProof/>
        </w:rPr>
        <w:t>3</w:t>
      </w:r>
      <w:r w:rsidR="004A1B16">
        <w:noBreakHyphen/>
      </w:r>
      <w:r w:rsidR="004A1B16">
        <w:rPr>
          <w:noProof/>
        </w:rPr>
        <w:t>3</w:t>
      </w:r>
      <w:r>
        <w:fldChar w:fldCharType="end"/>
      </w:r>
      <w:r>
        <w:t>.</w:t>
      </w:r>
    </w:p>
    <w:p w14:paraId="11CBA584" w14:textId="77777777" w:rsidR="003D4C55" w:rsidRDefault="003D4C55" w:rsidP="00CC2BC4">
      <w:pPr>
        <w:pStyle w:val="Plattetekst"/>
      </w:pPr>
    </w:p>
    <w:p w14:paraId="7BB55E7F" w14:textId="77777777" w:rsidR="00FD5B1C" w:rsidRDefault="00713DBD" w:rsidP="00FD5B1C">
      <w:pPr>
        <w:pStyle w:val="Plattetekst"/>
        <w:keepNext/>
      </w:pPr>
      <w:r w:rsidRPr="00713DBD">
        <w:rPr>
          <w:noProof/>
        </w:rPr>
        <w:drawing>
          <wp:inline distT="0" distB="0" distL="0" distR="0" wp14:anchorId="4B2A3DDF" wp14:editId="4E24B3FB">
            <wp:extent cx="6120130" cy="815340"/>
            <wp:effectExtent l="38100" t="38100" r="33020" b="41910"/>
            <wp:docPr id="5" name="Afbeelding 4" descr="Afbeelding met tekst, schermopname, Lettertype, lijn&#10;&#10;Door AI gegenereerde inhoud is mogelijk onjuist.">
              <a:extLst xmlns:a="http://schemas.openxmlformats.org/drawingml/2006/main">
                <a:ext uri="{FF2B5EF4-FFF2-40B4-BE49-F238E27FC236}">
                  <a16:creationId xmlns:a16="http://schemas.microsoft.com/office/drawing/2014/main" id="{46EF44B9-6C91-5031-E6A4-99CEA59A8E5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Afbeelding 4" descr="Afbeelding met tekst, schermopname, Lettertype, lijn&#10;&#10;Door AI gegenereerde inhoud is mogelijk onjuist.">
                      <a:extLst>
                        <a:ext uri="{FF2B5EF4-FFF2-40B4-BE49-F238E27FC236}">
                          <a16:creationId xmlns:a16="http://schemas.microsoft.com/office/drawing/2014/main" id="{46EF44B9-6C91-5031-E6A4-99CEA59A8E50}"/>
                        </a:ext>
                      </a:extLst>
                    </pic:cNvPr>
                    <pic:cNvPicPr>
                      <a:picLocks noChangeAspect="1"/>
                    </pic:cNvPicPr>
                  </pic:nvPicPr>
                  <pic:blipFill>
                    <a:blip r:embed="rId26"/>
                    <a:stretch>
                      <a:fillRect/>
                    </a:stretch>
                  </pic:blipFill>
                  <pic:spPr>
                    <a:xfrm>
                      <a:off x="0" y="0"/>
                      <a:ext cx="6120130" cy="815340"/>
                    </a:xfrm>
                    <a:prstGeom prst="rect">
                      <a:avLst/>
                    </a:prstGeom>
                    <a:ln>
                      <a:noFill/>
                    </a:ln>
                    <a:effectLst>
                      <a:glow rad="25400">
                        <a:schemeClr val="tx2">
                          <a:alpha val="40000"/>
                        </a:schemeClr>
                      </a:glow>
                    </a:effectLst>
                  </pic:spPr>
                </pic:pic>
              </a:graphicData>
            </a:graphic>
          </wp:inline>
        </w:drawing>
      </w:r>
    </w:p>
    <w:p w14:paraId="77273364" w14:textId="029D942B" w:rsidR="00713DBD" w:rsidRDefault="00FD5B1C" w:rsidP="00AE7295">
      <w:pPr>
        <w:pStyle w:val="Bijschrift"/>
      </w:pPr>
      <w:bookmarkStart w:id="45" w:name="_Ref203052734"/>
      <w:r>
        <w:t xml:space="preserve">figuur </w:t>
      </w:r>
      <w:fldSimple w:instr=" STYLEREF 1 \s ">
        <w:r w:rsidR="004A1B16">
          <w:rPr>
            <w:noProof/>
          </w:rPr>
          <w:t>3</w:t>
        </w:r>
      </w:fldSimple>
      <w:r w:rsidR="00675DAB">
        <w:noBreakHyphen/>
      </w:r>
      <w:fldSimple w:instr=" SEQ figuur \* ARABIC \s 1 ">
        <w:r w:rsidR="004A1B16">
          <w:rPr>
            <w:noProof/>
          </w:rPr>
          <w:t>3</w:t>
        </w:r>
      </w:fldSimple>
      <w:bookmarkEnd w:id="45"/>
      <w:r>
        <w:t>: Voorbeeldinvoer waterstanden</w:t>
      </w:r>
    </w:p>
    <w:p w14:paraId="70A00320" w14:textId="77777777" w:rsidR="00713DBD" w:rsidRDefault="00713DBD" w:rsidP="00CC2BC4">
      <w:pPr>
        <w:pStyle w:val="Plattetekst"/>
      </w:pPr>
    </w:p>
    <w:p w14:paraId="6A6763DA" w14:textId="7E9BB940" w:rsidR="00CC2BC4" w:rsidRDefault="00F74A3B" w:rsidP="00F74A3B">
      <w:pPr>
        <w:pStyle w:val="Kop2"/>
      </w:pPr>
      <w:bookmarkStart w:id="46" w:name="_Toc203144490"/>
      <w:r>
        <w:t>Waterstandsets</w:t>
      </w:r>
      <w:bookmarkEnd w:id="46"/>
    </w:p>
    <w:p w14:paraId="4B47888A" w14:textId="77777777" w:rsidR="005624FC" w:rsidRDefault="003E2335" w:rsidP="005C5155">
      <w:pPr>
        <w:pStyle w:val="Plattetekst"/>
      </w:pPr>
      <w:r>
        <w:t xml:space="preserve">In het tabblad “Waterstandsets” </w:t>
      </w:r>
      <w:r w:rsidR="0090077F">
        <w:t xml:space="preserve">worden </w:t>
      </w:r>
      <w:r w:rsidR="0050464F">
        <w:t xml:space="preserve">verschillende waterstanden met elkaar gecombineerd tot een set van waterstanden. </w:t>
      </w:r>
      <w:r w:rsidR="001918BA">
        <w:t xml:space="preserve">Het doel hiervan is om de waterstanden een universele naam te geven zodat hier bij de offset methode aan gerefereerd kan worden. Dit staat de gebruiker toe </w:t>
      </w:r>
      <w:r w:rsidR="005624FC">
        <w:t>om op eenvoudige wijze dezelfde offset methode op verschillende waterstandsets toe te passen. Voor de invoer geldt onderstaande:</w:t>
      </w:r>
    </w:p>
    <w:p w14:paraId="5702E322" w14:textId="73CBF654" w:rsidR="005C5155" w:rsidRDefault="005624FC" w:rsidP="005624FC">
      <w:pPr>
        <w:pStyle w:val="Plattetekst"/>
        <w:numPr>
          <w:ilvl w:val="0"/>
          <w:numId w:val="45"/>
        </w:numPr>
      </w:pPr>
      <w:r>
        <w:t>Iedere regel stelt een waterstandset voor.</w:t>
      </w:r>
    </w:p>
    <w:p w14:paraId="11CC210C" w14:textId="6F607065" w:rsidR="005624FC" w:rsidRDefault="005624FC" w:rsidP="005624FC">
      <w:pPr>
        <w:pStyle w:val="Plattetekst"/>
        <w:numPr>
          <w:ilvl w:val="0"/>
          <w:numId w:val="45"/>
        </w:numPr>
      </w:pPr>
      <w:r>
        <w:t xml:space="preserve">In de kolom “Naam waterstandset” </w:t>
      </w:r>
      <w:r w:rsidR="006B18B8">
        <w:t>wordt voor iedere set een unieke naam ingevoerd.</w:t>
      </w:r>
    </w:p>
    <w:p w14:paraId="4DBB06EC" w14:textId="5F984AEF" w:rsidR="006B18B8" w:rsidRDefault="006B18B8" w:rsidP="005624FC">
      <w:pPr>
        <w:pStyle w:val="Plattetekst"/>
        <w:numPr>
          <w:ilvl w:val="0"/>
          <w:numId w:val="45"/>
        </w:numPr>
      </w:pPr>
      <w:r>
        <w:t>De na</w:t>
      </w:r>
      <w:r w:rsidR="00541D27">
        <w:t xml:space="preserve">men </w:t>
      </w:r>
      <w:r>
        <w:t>van de overige kolommen zijn vrij te kiezen</w:t>
      </w:r>
      <w:r w:rsidR="00541D27">
        <w:t>.</w:t>
      </w:r>
    </w:p>
    <w:p w14:paraId="58D8C51C" w14:textId="1F11540C" w:rsidR="00541D27" w:rsidRDefault="00CE79F8" w:rsidP="005624FC">
      <w:pPr>
        <w:pStyle w:val="Plattetekst"/>
        <w:numPr>
          <w:ilvl w:val="0"/>
          <w:numId w:val="45"/>
        </w:numPr>
      </w:pPr>
      <w:r>
        <w:t xml:space="preserve">Per waterstandset kan onder de </w:t>
      </w:r>
      <w:r w:rsidR="00424370">
        <w:t>zelfbenoemde kolommen</w:t>
      </w:r>
      <w:r w:rsidR="002273BE">
        <w:t xml:space="preserve"> aangegeven worden welke waterstand hieronder valt.</w:t>
      </w:r>
    </w:p>
    <w:p w14:paraId="2B3BA7BC" w14:textId="5CF808BA" w:rsidR="004B5884" w:rsidRDefault="004B5884" w:rsidP="005624FC">
      <w:pPr>
        <w:pStyle w:val="Plattetekst"/>
        <w:numPr>
          <w:ilvl w:val="0"/>
          <w:numId w:val="45"/>
        </w:numPr>
      </w:pPr>
      <w:r>
        <w:t xml:space="preserve">Het is niet verplicht om </w:t>
      </w:r>
      <w:r w:rsidR="00BB1741">
        <w:t xml:space="preserve">voor iedere set </w:t>
      </w:r>
      <w:r w:rsidR="008D426F">
        <w:t>voor alle kolommen een waterstand te selecteren. Het is alleen nodig om waterstanden te specificeren voor waterstanden die gebruikt gaan worden in de offset methode.</w:t>
      </w:r>
    </w:p>
    <w:p w14:paraId="76E74767" w14:textId="77777777" w:rsidR="002273BE" w:rsidRDefault="002273BE" w:rsidP="002273BE">
      <w:pPr>
        <w:pStyle w:val="Plattetekst"/>
      </w:pPr>
    </w:p>
    <w:p w14:paraId="53857A66" w14:textId="39616FFD" w:rsidR="00FE6971" w:rsidRDefault="00FE6971" w:rsidP="002273BE">
      <w:pPr>
        <w:pStyle w:val="Plattetekst"/>
      </w:pPr>
      <w:r>
        <w:t xml:space="preserve">Een voorbeeld is gegeven in </w:t>
      </w:r>
      <w:r w:rsidR="00B56CDB">
        <w:fldChar w:fldCharType="begin"/>
      </w:r>
      <w:r w:rsidR="00B56CDB">
        <w:instrText xml:space="preserve"> REF _Ref203052763 \h </w:instrText>
      </w:r>
      <w:r w:rsidR="00B56CDB">
        <w:fldChar w:fldCharType="separate"/>
      </w:r>
      <w:r w:rsidR="004A1B16">
        <w:t xml:space="preserve">figuur </w:t>
      </w:r>
      <w:r w:rsidR="004A1B16">
        <w:rPr>
          <w:noProof/>
        </w:rPr>
        <w:t>3</w:t>
      </w:r>
      <w:r w:rsidR="004A1B16">
        <w:noBreakHyphen/>
      </w:r>
      <w:r w:rsidR="004A1B16">
        <w:rPr>
          <w:noProof/>
        </w:rPr>
        <w:t>4</w:t>
      </w:r>
      <w:r w:rsidR="00B56CDB">
        <w:fldChar w:fldCharType="end"/>
      </w:r>
      <w:r w:rsidR="00CC23A6">
        <w:t xml:space="preserve">. Er zijn twee </w:t>
      </w:r>
      <w:r w:rsidR="002A2F3F">
        <w:t xml:space="preserve">universele waterstandnamen gedefinieerd. Dit zijn ‘Buitenwaterstand’ en ‘Polderpeil’. </w:t>
      </w:r>
      <w:r w:rsidR="00DC7E6D">
        <w:t xml:space="preserve">Er zijn eveneens twee waterstandsets gedefinieerd. </w:t>
      </w:r>
      <w:r w:rsidR="00A719C3">
        <w:t>Per waterstandset zijn de gewenste waterstanden geselecteerd. De universele namen ‘Buitenwaterstand’ en ‘Polderpeil’</w:t>
      </w:r>
      <w:r w:rsidR="001C6B6B">
        <w:t xml:space="preserve"> </w:t>
      </w:r>
      <w:r w:rsidR="00AD469D">
        <w:t>zijn beschikbaar voor</w:t>
      </w:r>
      <w:r w:rsidR="001C6B6B">
        <w:t xml:space="preserve"> gebrui</w:t>
      </w:r>
      <w:r w:rsidR="00AD469D">
        <w:t>k</w:t>
      </w:r>
      <w:r w:rsidR="001C6B6B">
        <w:t xml:space="preserve"> in de offset methode.</w:t>
      </w:r>
    </w:p>
    <w:p w14:paraId="2C2426E7" w14:textId="77777777" w:rsidR="00FE6971" w:rsidRDefault="00FE6971" w:rsidP="002273BE">
      <w:pPr>
        <w:pStyle w:val="Plattetekst"/>
      </w:pPr>
    </w:p>
    <w:p w14:paraId="51EBC303" w14:textId="77777777" w:rsidR="00FD5B1C" w:rsidRDefault="00FD5B1C" w:rsidP="00FD5B1C">
      <w:pPr>
        <w:pStyle w:val="Plattetekst"/>
        <w:keepNext/>
      </w:pPr>
      <w:r w:rsidRPr="00FD5B1C">
        <w:rPr>
          <w:noProof/>
        </w:rPr>
        <w:drawing>
          <wp:inline distT="0" distB="0" distL="0" distR="0" wp14:anchorId="257D4EEB" wp14:editId="7BC6A144">
            <wp:extent cx="4648200" cy="733063"/>
            <wp:effectExtent l="38100" t="38100" r="38100" b="29210"/>
            <wp:docPr id="7" name="Afbeelding 6" descr="Afbeelding met tekst, schermopname, Lettertype, lijn&#10;&#10;Door AI gegenereerde inhoud is mogelijk onjuist.">
              <a:extLst xmlns:a="http://schemas.openxmlformats.org/drawingml/2006/main">
                <a:ext uri="{FF2B5EF4-FFF2-40B4-BE49-F238E27FC236}">
                  <a16:creationId xmlns:a16="http://schemas.microsoft.com/office/drawing/2014/main" id="{102847C7-847F-435C-9B95-AA18A15F8854}"/>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6" descr="Afbeelding met tekst, schermopname, Lettertype, lijn&#10;&#10;Door AI gegenereerde inhoud is mogelijk onjuist.">
                      <a:extLst>
                        <a:ext uri="{FF2B5EF4-FFF2-40B4-BE49-F238E27FC236}">
                          <a16:creationId xmlns:a16="http://schemas.microsoft.com/office/drawing/2014/main" id="{102847C7-847F-435C-9B95-AA18A15F8854}"/>
                        </a:ext>
                      </a:extLst>
                    </pic:cNvPr>
                    <pic:cNvPicPr>
                      <a:picLocks noChangeAspect="1"/>
                    </pic:cNvPicPr>
                  </pic:nvPicPr>
                  <pic:blipFill>
                    <a:blip r:embed="rId27"/>
                    <a:stretch>
                      <a:fillRect/>
                    </a:stretch>
                  </pic:blipFill>
                  <pic:spPr>
                    <a:xfrm>
                      <a:off x="0" y="0"/>
                      <a:ext cx="4673243" cy="737012"/>
                    </a:xfrm>
                    <a:prstGeom prst="rect">
                      <a:avLst/>
                    </a:prstGeom>
                    <a:ln>
                      <a:noFill/>
                    </a:ln>
                    <a:effectLst>
                      <a:glow rad="25400">
                        <a:schemeClr val="tx2">
                          <a:alpha val="40000"/>
                        </a:schemeClr>
                      </a:glow>
                    </a:effectLst>
                  </pic:spPr>
                </pic:pic>
              </a:graphicData>
            </a:graphic>
          </wp:inline>
        </w:drawing>
      </w:r>
    </w:p>
    <w:p w14:paraId="6292C42B" w14:textId="522BF17F" w:rsidR="002273BE" w:rsidRDefault="00FD5B1C" w:rsidP="00AE7295">
      <w:pPr>
        <w:pStyle w:val="Bijschrift"/>
      </w:pPr>
      <w:bookmarkStart w:id="47" w:name="_Ref203052763"/>
      <w:bookmarkStart w:id="48" w:name="_Ref203052760"/>
      <w:r>
        <w:t xml:space="preserve">figuur </w:t>
      </w:r>
      <w:fldSimple w:instr=" STYLEREF 1 \s ">
        <w:r w:rsidR="004A1B16">
          <w:rPr>
            <w:noProof/>
          </w:rPr>
          <w:t>3</w:t>
        </w:r>
      </w:fldSimple>
      <w:r w:rsidR="00675DAB">
        <w:noBreakHyphen/>
      </w:r>
      <w:fldSimple w:instr=" SEQ figuur \* ARABIC \s 1 ">
        <w:r w:rsidR="004A1B16">
          <w:rPr>
            <w:noProof/>
          </w:rPr>
          <w:t>4</w:t>
        </w:r>
      </w:fldSimple>
      <w:bookmarkEnd w:id="47"/>
      <w:r>
        <w:t>:Voorbeeld</w:t>
      </w:r>
      <w:r w:rsidR="00FE6971">
        <w:t>invoer</w:t>
      </w:r>
      <w:r>
        <w:t xml:space="preserve"> van waterstandsets</w:t>
      </w:r>
      <w:bookmarkEnd w:id="48"/>
    </w:p>
    <w:p w14:paraId="4E93E6E5" w14:textId="77777777" w:rsidR="003E2335" w:rsidRDefault="003E2335" w:rsidP="005C5155">
      <w:pPr>
        <w:pStyle w:val="Plattetekst"/>
      </w:pPr>
    </w:p>
    <w:p w14:paraId="4AB0E955" w14:textId="20B62960" w:rsidR="005C5155" w:rsidRDefault="005C5155" w:rsidP="005C5155">
      <w:pPr>
        <w:pStyle w:val="Kop2"/>
      </w:pPr>
      <w:bookmarkStart w:id="49" w:name="_Ref203051288"/>
      <w:bookmarkStart w:id="50" w:name="_Toc203144491"/>
      <w:r>
        <w:t>Offset methodes</w:t>
      </w:r>
      <w:bookmarkEnd w:id="49"/>
      <w:bookmarkEnd w:id="50"/>
    </w:p>
    <w:p w14:paraId="0CCC7095" w14:textId="16FCA32D" w:rsidR="001F22E6" w:rsidRDefault="006B7D40" w:rsidP="001F22E6">
      <w:pPr>
        <w:pStyle w:val="Plattetekst"/>
      </w:pPr>
      <w:r>
        <w:t xml:space="preserve">Met een offset methode is het mogelijk om stijghoogtelijnen en referentielijnen te schematiseren met behulp </w:t>
      </w:r>
      <w:r w:rsidR="00816867">
        <w:t xml:space="preserve">van </w:t>
      </w:r>
      <w:r>
        <w:t xml:space="preserve">karakteristieke punten en referentieniveaus. </w:t>
      </w:r>
      <w:r w:rsidR="00D0755C">
        <w:t>Per karakteristiek punt wordt een referentieniveau gekozen.</w:t>
      </w:r>
      <w:r w:rsidR="00275C47">
        <w:t xml:space="preserve"> Een voorbeeld van de invoer en een visualisatie in een dwarsprofiel zijn gepresenteerd in </w:t>
      </w:r>
      <w:r w:rsidR="00275C47">
        <w:fldChar w:fldCharType="begin"/>
      </w:r>
      <w:r w:rsidR="00275C47">
        <w:instrText xml:space="preserve"> REF _Ref203054875 \h </w:instrText>
      </w:r>
      <w:r w:rsidR="00275C47">
        <w:fldChar w:fldCharType="separate"/>
      </w:r>
      <w:r w:rsidR="004A1B16">
        <w:t xml:space="preserve">figuur </w:t>
      </w:r>
      <w:r w:rsidR="004A1B16">
        <w:rPr>
          <w:noProof/>
        </w:rPr>
        <w:t>3</w:t>
      </w:r>
      <w:r w:rsidR="004A1B16">
        <w:noBreakHyphen/>
      </w:r>
      <w:r w:rsidR="004A1B16">
        <w:rPr>
          <w:noProof/>
        </w:rPr>
        <w:t>5</w:t>
      </w:r>
      <w:r w:rsidR="00275C47">
        <w:fldChar w:fldCharType="end"/>
      </w:r>
      <w:r w:rsidR="00275C47">
        <w:t xml:space="preserve"> en </w:t>
      </w:r>
      <w:r w:rsidR="00275C47">
        <w:fldChar w:fldCharType="begin"/>
      </w:r>
      <w:r w:rsidR="00275C47">
        <w:instrText xml:space="preserve"> REF _Ref203054876 \h </w:instrText>
      </w:r>
      <w:r w:rsidR="00275C47">
        <w:fldChar w:fldCharType="separate"/>
      </w:r>
      <w:r w:rsidR="004A1B16">
        <w:t xml:space="preserve">figuur </w:t>
      </w:r>
      <w:r w:rsidR="004A1B16">
        <w:rPr>
          <w:noProof/>
        </w:rPr>
        <w:t>3</w:t>
      </w:r>
      <w:r w:rsidR="004A1B16">
        <w:noBreakHyphen/>
      </w:r>
      <w:r w:rsidR="004A1B16">
        <w:rPr>
          <w:noProof/>
        </w:rPr>
        <w:t>6</w:t>
      </w:r>
      <w:r w:rsidR="00275C47">
        <w:fldChar w:fldCharType="end"/>
      </w:r>
      <w:r w:rsidR="00275C47">
        <w:t>.</w:t>
      </w:r>
      <w:r w:rsidR="00D0755C">
        <w:t xml:space="preserve"> </w:t>
      </w:r>
      <w:r w:rsidR="00352FFC">
        <w:t>Voor de invoer geldt het volgende:</w:t>
      </w:r>
    </w:p>
    <w:p w14:paraId="29BCBEAD" w14:textId="283125F7" w:rsidR="00352FFC" w:rsidRDefault="00275C47" w:rsidP="00352FFC">
      <w:pPr>
        <w:pStyle w:val="Plattetekst"/>
        <w:numPr>
          <w:ilvl w:val="0"/>
          <w:numId w:val="46"/>
        </w:numPr>
      </w:pPr>
      <w:r>
        <w:t>Iedere regel stelt de hoogte ter plaatse van een karakteristiek punt voor.</w:t>
      </w:r>
    </w:p>
    <w:p w14:paraId="6578C50D" w14:textId="0AC68D88" w:rsidR="00275C47" w:rsidRDefault="00952B92" w:rsidP="00352FFC">
      <w:pPr>
        <w:pStyle w:val="Plattetekst"/>
        <w:numPr>
          <w:ilvl w:val="0"/>
          <w:numId w:val="46"/>
        </w:numPr>
      </w:pPr>
      <w:r>
        <w:lastRenderedPageBreak/>
        <w:t xml:space="preserve">In de kolom “Naam methode” wordt de naam van de methode opgegeven. Regels </w:t>
      </w:r>
      <w:r w:rsidR="0016539C">
        <w:t xml:space="preserve">met een gelijke </w:t>
      </w:r>
      <w:r w:rsidR="00251A72">
        <w:t>naam horen bij elkaa</w:t>
      </w:r>
      <w:r w:rsidR="006E4591">
        <w:t>r en vormen één offset methode.</w:t>
      </w:r>
    </w:p>
    <w:p w14:paraId="0D9E28D7" w14:textId="7AAE3CEF" w:rsidR="006E4591" w:rsidRDefault="006E4591" w:rsidP="00352FFC">
      <w:pPr>
        <w:pStyle w:val="Plattetekst"/>
        <w:numPr>
          <w:ilvl w:val="0"/>
          <w:numId w:val="46"/>
        </w:numPr>
      </w:pPr>
      <w:r>
        <w:t>Regels zonder inhoud in de kolom “Naam methode” worden overgeslagen.</w:t>
      </w:r>
    </w:p>
    <w:p w14:paraId="745DB848" w14:textId="470910D9" w:rsidR="0062240B" w:rsidRDefault="0062240B" w:rsidP="00352FFC">
      <w:pPr>
        <w:pStyle w:val="Plattetekst"/>
        <w:numPr>
          <w:ilvl w:val="0"/>
          <w:numId w:val="46"/>
        </w:numPr>
      </w:pPr>
      <w:r>
        <w:t xml:space="preserve">In de kolom “Karakteristiek punt” </w:t>
      </w:r>
      <w:r w:rsidR="009175E6">
        <w:t>wordt</w:t>
      </w:r>
      <w:r>
        <w:t xml:space="preserve"> een karakteristiek punt geselecteerd. </w:t>
      </w:r>
      <w:r w:rsidR="007D54C2">
        <w:t>De geschematiseerde hoogte wordt toegepast op deze locatie.</w:t>
      </w:r>
    </w:p>
    <w:p w14:paraId="05EC1F11" w14:textId="7A6D0334" w:rsidR="007D54C2" w:rsidRDefault="007D54C2" w:rsidP="00352FFC">
      <w:pPr>
        <w:pStyle w:val="Plattetekst"/>
        <w:numPr>
          <w:ilvl w:val="0"/>
          <w:numId w:val="46"/>
        </w:numPr>
      </w:pPr>
      <w:r>
        <w:t xml:space="preserve">In de kolom “Referentieniveau” </w:t>
      </w:r>
      <w:r w:rsidR="00A11636">
        <w:t>kan gekozen worden voor de waterstanden zoals opgegeven in het tabblad “Waterstandsets”. D</w:t>
      </w:r>
      <w:r w:rsidR="00CF2181">
        <w:t xml:space="preserve">e andere opties zijn </w:t>
      </w:r>
      <w:r w:rsidR="00A11636">
        <w:t xml:space="preserve">‘NAP’, ‘Maaiveld’ (ter plaatse van het karakteristieke punt) of </w:t>
      </w:r>
      <w:r w:rsidR="00840C45">
        <w:t>‘Verhang t.o.v. voorgaand punt’.</w:t>
      </w:r>
    </w:p>
    <w:p w14:paraId="2CE1790C" w14:textId="77777777" w:rsidR="00B0194C" w:rsidRDefault="00577C0C" w:rsidP="004A0C3F">
      <w:pPr>
        <w:pStyle w:val="Plattetekst"/>
        <w:numPr>
          <w:ilvl w:val="0"/>
          <w:numId w:val="46"/>
        </w:numPr>
      </w:pPr>
      <w:r>
        <w:t>Voer i</w:t>
      </w:r>
      <w:r w:rsidR="00B92190">
        <w:t>n de kolom “Offset / Verhang” de verplaatsing ten opzichte van het referentieniveau</w:t>
      </w:r>
      <w:r>
        <w:t xml:space="preserve"> in</w:t>
      </w:r>
      <w:r w:rsidR="00B92190">
        <w:t>.</w:t>
      </w:r>
      <w:r w:rsidR="00D15B94">
        <w:t xml:space="preserve"> </w:t>
      </w:r>
      <w:r w:rsidR="00B43729">
        <w:t>Dit betreft een verticale verplaatsing waarbij</w:t>
      </w:r>
      <w:r w:rsidR="002715B9">
        <w:t xml:space="preserve"> opwaarts</w:t>
      </w:r>
      <w:r w:rsidR="00B43729">
        <w:t xml:space="preserve"> positief is. Dit geldt niet </w:t>
      </w:r>
      <w:r w:rsidR="00B0194C">
        <w:t>bij gebruik van het referentieniveau “Verhang t.o.v. voorgaand punt”</w:t>
      </w:r>
      <w:r w:rsidR="002715B9">
        <w:t xml:space="preserve">. </w:t>
      </w:r>
    </w:p>
    <w:p w14:paraId="74B46A69" w14:textId="48CC199B" w:rsidR="004C1CF6" w:rsidRDefault="002715B9" w:rsidP="001F22E6">
      <w:pPr>
        <w:pStyle w:val="Plattetekst"/>
        <w:numPr>
          <w:ilvl w:val="0"/>
          <w:numId w:val="46"/>
        </w:numPr>
      </w:pPr>
      <w:r>
        <w:t>Bij gebruik van het referentieniveau “</w:t>
      </w:r>
      <w:r w:rsidR="00EE5F5F">
        <w:t xml:space="preserve">Verhang t.o.v. voorgaand punt” geldt dat de invoer een helling is, waarbij </w:t>
      </w:r>
      <w:r w:rsidR="004A0C3F">
        <w:t xml:space="preserve">voor een helling van 1:X de X wordt ingevuld. </w:t>
      </w:r>
      <w:r w:rsidR="00CD39BE">
        <w:t>De invoer ‘100’ wordt dus toegepast als een helling van 1:100.</w:t>
      </w:r>
      <w:r w:rsidR="00B0194C">
        <w:t xml:space="preserve"> Voor de helling geldt dat </w:t>
      </w:r>
      <w:r w:rsidR="001E134D">
        <w:t>positief een neerwaartse helling is.</w:t>
      </w:r>
      <w:r w:rsidR="005F3BDF">
        <w:t xml:space="preserve"> Het </w:t>
      </w:r>
    </w:p>
    <w:p w14:paraId="163F4F29" w14:textId="26685D35" w:rsidR="005C5155" w:rsidRDefault="00085C9C" w:rsidP="00671855">
      <w:pPr>
        <w:pStyle w:val="Plattetekst"/>
        <w:numPr>
          <w:ilvl w:val="0"/>
          <w:numId w:val="42"/>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26FBA1B" w14:textId="04C6ACD4" w:rsidR="00501EA1" w:rsidRDefault="00501EA1" w:rsidP="00671855">
      <w:pPr>
        <w:pStyle w:val="Plattetekst"/>
        <w:numPr>
          <w:ilvl w:val="0"/>
          <w:numId w:val="42"/>
        </w:numPr>
      </w:pPr>
      <w:r>
        <w:t xml:space="preserve">Start de offset methode altijd met het </w:t>
      </w:r>
      <w:r w:rsidR="005C5D23">
        <w:t>karakteristieke punt ‘Maaiveld Buitenwaarts’</w:t>
      </w:r>
      <w:r w:rsidR="00874CA6">
        <w:t xml:space="preserve"> en werk van buitenwaarts naar binnenwaarts.</w:t>
      </w:r>
    </w:p>
    <w:p w14:paraId="5525DFA2" w14:textId="399B22D5" w:rsidR="008704AA" w:rsidRDefault="00384E44" w:rsidP="00671855">
      <w:pPr>
        <w:pStyle w:val="Plattetekst"/>
        <w:numPr>
          <w:ilvl w:val="0"/>
          <w:numId w:val="42"/>
        </w:numPr>
      </w:pPr>
      <w:r>
        <w:t>Een karakteristiek punt wordt overgeslagen als deze voor een specifiek dwarsprofiel niet aanwezig is. Zo is het mogelijk om een niveau te schematiseren bij de teensloot, zonder dat er bij alle profielen een teensloot aanwezig is.</w:t>
      </w:r>
    </w:p>
    <w:p w14:paraId="20931911" w14:textId="77777777" w:rsidR="005C5155" w:rsidRDefault="005C5155" w:rsidP="005C5155">
      <w:pPr>
        <w:pStyle w:val="Plattetekst"/>
      </w:pPr>
    </w:p>
    <w:p w14:paraId="354214F1" w14:textId="77777777" w:rsidR="001F22E6" w:rsidRDefault="00874D6F" w:rsidP="001F22E6">
      <w:pPr>
        <w:pStyle w:val="Plattetekst"/>
        <w:keepNext/>
      </w:pPr>
      <w:r w:rsidRPr="00874D6F">
        <w:rPr>
          <w:noProof/>
        </w:rPr>
        <w:drawing>
          <wp:inline distT="0" distB="0" distL="0" distR="0" wp14:anchorId="636E3727" wp14:editId="6056BA64">
            <wp:extent cx="6120130" cy="1981200"/>
            <wp:effectExtent l="38100" t="38100" r="33020" b="38100"/>
            <wp:docPr id="308536175" name="Afbeelding 1" descr="Afbeelding met tekst, diagram, lijn,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8536175" name="Afbeelding 1" descr="Afbeelding met tekst, diagram, lijn, Lettertype&#10;&#10;Door AI gegenereerde inhoud is mogelijk onjuist."/>
                    <pic:cNvPicPr/>
                  </pic:nvPicPr>
                  <pic:blipFill>
                    <a:blip r:embed="rId28"/>
                    <a:stretch>
                      <a:fillRect/>
                    </a:stretch>
                  </pic:blipFill>
                  <pic:spPr>
                    <a:xfrm>
                      <a:off x="0" y="0"/>
                      <a:ext cx="6120130" cy="1981200"/>
                    </a:xfrm>
                    <a:prstGeom prst="rect">
                      <a:avLst/>
                    </a:prstGeom>
                    <a:ln>
                      <a:noFill/>
                    </a:ln>
                    <a:effectLst>
                      <a:glow rad="25400">
                        <a:schemeClr val="tx2">
                          <a:alpha val="40000"/>
                        </a:schemeClr>
                      </a:glow>
                    </a:effectLst>
                  </pic:spPr>
                </pic:pic>
              </a:graphicData>
            </a:graphic>
          </wp:inline>
        </w:drawing>
      </w:r>
    </w:p>
    <w:p w14:paraId="2B19FC8A" w14:textId="2D170541" w:rsidR="00874D6F" w:rsidRDefault="001F22E6" w:rsidP="00AE7295">
      <w:pPr>
        <w:pStyle w:val="Bijschrift"/>
      </w:pPr>
      <w:bookmarkStart w:id="51" w:name="_Ref203054875"/>
      <w:r>
        <w:t xml:space="preserve">figuur </w:t>
      </w:r>
      <w:fldSimple w:instr=" STYLEREF 1 \s ">
        <w:r w:rsidR="004A1B16">
          <w:rPr>
            <w:noProof/>
          </w:rPr>
          <w:t>3</w:t>
        </w:r>
      </w:fldSimple>
      <w:r w:rsidR="00675DAB">
        <w:noBreakHyphen/>
      </w:r>
      <w:fldSimple w:instr=" SEQ figuur \* ARABIC \s 1 ">
        <w:r w:rsidR="004A1B16">
          <w:rPr>
            <w:noProof/>
          </w:rPr>
          <w:t>5</w:t>
        </w:r>
      </w:fldSimple>
      <w:bookmarkEnd w:id="51"/>
      <w:r>
        <w:t>: Visualisatie offset methode in een dwarsprofiel</w:t>
      </w:r>
    </w:p>
    <w:p w14:paraId="0D98B8B3" w14:textId="77777777" w:rsidR="00F07A3E" w:rsidRDefault="00F07A3E" w:rsidP="005C5155">
      <w:pPr>
        <w:pStyle w:val="Plattetekst"/>
      </w:pPr>
    </w:p>
    <w:p w14:paraId="393E9099" w14:textId="77777777" w:rsidR="001F22E6" w:rsidRDefault="001F22E6" w:rsidP="001F22E6">
      <w:pPr>
        <w:pStyle w:val="Plattetekst"/>
        <w:keepNext/>
      </w:pPr>
      <w:r w:rsidRPr="001F22E6">
        <w:rPr>
          <w:noProof/>
        </w:rPr>
        <w:drawing>
          <wp:inline distT="0" distB="0" distL="0" distR="0" wp14:anchorId="36B12C54" wp14:editId="7CD0E42D">
            <wp:extent cx="6060401" cy="1626870"/>
            <wp:effectExtent l="38100" t="38100" r="36195" b="30480"/>
            <wp:docPr id="2022373483"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2373483" name="Afbeelding 1"/>
                    <pic:cNvPicPr/>
                  </pic:nvPicPr>
                  <pic:blipFill>
                    <a:blip r:embed="rId29">
                      <a:extLst>
                        <a:ext uri="{28A0092B-C50C-407E-A947-70E740481C1C}">
                          <a14:useLocalDpi xmlns:a14="http://schemas.microsoft.com/office/drawing/2010/main" val="0"/>
                        </a:ext>
                      </a:extLst>
                    </a:blip>
                    <a:stretch>
                      <a:fillRect/>
                    </a:stretch>
                  </pic:blipFill>
                  <pic:spPr>
                    <a:xfrm>
                      <a:off x="0" y="0"/>
                      <a:ext cx="6060401" cy="1626870"/>
                    </a:xfrm>
                    <a:prstGeom prst="rect">
                      <a:avLst/>
                    </a:prstGeom>
                    <a:ln>
                      <a:noFill/>
                    </a:ln>
                    <a:effectLst>
                      <a:glow rad="25400">
                        <a:schemeClr val="tx2">
                          <a:alpha val="40000"/>
                        </a:schemeClr>
                      </a:glow>
                    </a:effectLst>
                  </pic:spPr>
                </pic:pic>
              </a:graphicData>
            </a:graphic>
          </wp:inline>
        </w:drawing>
      </w:r>
    </w:p>
    <w:p w14:paraId="75360C00" w14:textId="0BA13113" w:rsidR="001F22E6" w:rsidRDefault="001F22E6" w:rsidP="00AE7295">
      <w:pPr>
        <w:pStyle w:val="Bijschrift"/>
      </w:pPr>
      <w:bookmarkStart w:id="52" w:name="_Ref203054876"/>
      <w:r>
        <w:t xml:space="preserve">figuur </w:t>
      </w:r>
      <w:fldSimple w:instr=" STYLEREF 1 \s ">
        <w:r w:rsidR="004A1B16">
          <w:rPr>
            <w:noProof/>
          </w:rPr>
          <w:t>3</w:t>
        </w:r>
      </w:fldSimple>
      <w:r w:rsidR="00675DAB">
        <w:noBreakHyphen/>
      </w:r>
      <w:fldSimple w:instr=" SEQ figuur \* ARABIC \s 1 ">
        <w:r w:rsidR="004A1B16">
          <w:rPr>
            <w:noProof/>
          </w:rPr>
          <w:t>6</w:t>
        </w:r>
      </w:fldSimple>
      <w:bookmarkEnd w:id="52"/>
      <w:r>
        <w:t>: Voorbeeldinvoer "Offset methode"</w:t>
      </w:r>
    </w:p>
    <w:p w14:paraId="30726F78" w14:textId="77777777" w:rsidR="001F22E6" w:rsidRDefault="001F22E6" w:rsidP="005C5155">
      <w:pPr>
        <w:pStyle w:val="Plattetekst"/>
      </w:pPr>
    </w:p>
    <w:p w14:paraId="53EC14B1" w14:textId="62A0B5D5" w:rsidR="005C5155" w:rsidRDefault="005C5155" w:rsidP="005C5155">
      <w:pPr>
        <w:pStyle w:val="Kop2"/>
      </w:pPr>
      <w:bookmarkStart w:id="53" w:name="_Ref203138518"/>
      <w:bookmarkStart w:id="54" w:name="_Toc203144492"/>
      <w:r>
        <w:t>Stijghoogtes</w:t>
      </w:r>
      <w:bookmarkEnd w:id="53"/>
      <w:bookmarkEnd w:id="54"/>
    </w:p>
    <w:p w14:paraId="6E5CFF10" w14:textId="1D283EA8" w:rsidR="005C5155" w:rsidRDefault="00421949" w:rsidP="005C5155">
      <w:pPr>
        <w:pStyle w:val="Plattetekst"/>
      </w:pPr>
      <w:r>
        <w:t xml:space="preserve">In de tabbladen “Stijghoogtes” en “Referentielijnen” worden waterspanningsscenario’s gecreëerd. </w:t>
      </w:r>
      <w:r w:rsidR="009D40FE">
        <w:t xml:space="preserve">Deze </w:t>
      </w:r>
      <w:r w:rsidR="004C7CD8">
        <w:t>worden</w:t>
      </w:r>
      <w:r w:rsidR="009D40FE">
        <w:t xml:space="preserve"> in het tabblad “Berekeningen” aan de berekeningen toegekend. Voor de invoer geldt het volgende:</w:t>
      </w:r>
    </w:p>
    <w:p w14:paraId="4700812E" w14:textId="31FBBBBC" w:rsidR="009D40FE" w:rsidRDefault="004B46EB" w:rsidP="009D40FE">
      <w:pPr>
        <w:pStyle w:val="Plattetekst"/>
        <w:numPr>
          <w:ilvl w:val="0"/>
          <w:numId w:val="47"/>
        </w:numPr>
      </w:pPr>
      <w:r>
        <w:t>Iedere regel stelt een stijghoogtelijn voor. De freatische lijn is ook een stijghoogtelijn.</w:t>
      </w:r>
    </w:p>
    <w:p w14:paraId="34881559" w14:textId="4C1816CA" w:rsidR="004B46EB" w:rsidRDefault="004B46EB" w:rsidP="009D40FE">
      <w:pPr>
        <w:pStyle w:val="Plattetekst"/>
        <w:numPr>
          <w:ilvl w:val="0"/>
          <w:numId w:val="47"/>
        </w:numPr>
      </w:pPr>
      <w:r>
        <w:t>De naam van het waterspanningsscenario wordt opgegeven in de kolom “Naam waterspanningsscenario”.</w:t>
      </w:r>
    </w:p>
    <w:p w14:paraId="7E85ED1C" w14:textId="01AFA82B" w:rsidR="00E10BC6" w:rsidRDefault="00E10BC6" w:rsidP="009D40FE">
      <w:pPr>
        <w:pStyle w:val="Plattetekst"/>
        <w:numPr>
          <w:ilvl w:val="0"/>
          <w:numId w:val="47"/>
        </w:numPr>
      </w:pPr>
      <w:r>
        <w:t>Regels met gelijke naam in de kolom “Naam waterspanningsscenario” horen bij elkaar.</w:t>
      </w:r>
    </w:p>
    <w:p w14:paraId="4AB4E4C7" w14:textId="59B54DE6" w:rsidR="00E10BC6" w:rsidRDefault="00E10BC6" w:rsidP="009D40FE">
      <w:pPr>
        <w:pStyle w:val="Plattetekst"/>
        <w:numPr>
          <w:ilvl w:val="0"/>
          <w:numId w:val="47"/>
        </w:numPr>
      </w:pPr>
      <w:r>
        <w:t>De kolom “Naam PL-lijn” bevat de naam van de stijghoogtelijn.</w:t>
      </w:r>
    </w:p>
    <w:p w14:paraId="13DCE605" w14:textId="11B5324D" w:rsidR="005115BE" w:rsidRDefault="005115BE" w:rsidP="009D40FE">
      <w:pPr>
        <w:pStyle w:val="Plattetekst"/>
        <w:numPr>
          <w:ilvl w:val="0"/>
          <w:numId w:val="47"/>
        </w:numPr>
      </w:pPr>
      <w:r>
        <w:t>De kolom “Freatisch” bevat de aanduiding van de freatische lijn</w:t>
      </w:r>
      <w:r w:rsidR="00AB162D">
        <w:t xml:space="preserve"> (Ja/Nee)</w:t>
      </w:r>
      <w:r>
        <w:t>.</w:t>
      </w:r>
      <w:r w:rsidR="00710BF0">
        <w:t xml:space="preserve"> </w:t>
      </w:r>
      <w:r w:rsidR="00274AB5">
        <w:t>Er kan maximaal één freatische lijn per scenario zijn. Anders volgt een foutmelding in de tool.</w:t>
      </w:r>
    </w:p>
    <w:p w14:paraId="28312473" w14:textId="054A6F13" w:rsidR="00274AB5" w:rsidRDefault="004A759C" w:rsidP="009D40FE">
      <w:pPr>
        <w:pStyle w:val="Plattetekst"/>
        <w:numPr>
          <w:ilvl w:val="0"/>
          <w:numId w:val="47"/>
        </w:numPr>
      </w:pPr>
      <w:r>
        <w:t xml:space="preserve">De kolom “Methode stijghoogte” geeft aan </w:t>
      </w:r>
      <w:r w:rsidR="00652269">
        <w:t xml:space="preserve">hoe de stijghoogtelijn opgesteld wordt. De keuzes zijn </w:t>
      </w:r>
      <w:r w:rsidR="00FF500D">
        <w:t>‘</w:t>
      </w:r>
      <w:r w:rsidR="00652269">
        <w:t>Offset methode</w:t>
      </w:r>
      <w:r w:rsidR="00FF500D">
        <w:t>’</w:t>
      </w:r>
      <w:r w:rsidR="00652269">
        <w:t xml:space="preserve"> en </w:t>
      </w:r>
      <w:r w:rsidR="00FF500D">
        <w:t>‘</w:t>
      </w:r>
      <w:r w:rsidR="00652269">
        <w:t>Afleiden uit ander scenario</w:t>
      </w:r>
      <w:r w:rsidR="00FF500D">
        <w:t>’</w:t>
      </w:r>
      <w:r w:rsidR="00652269">
        <w:t xml:space="preserve">. </w:t>
      </w:r>
      <w:r w:rsidR="00E67C0B">
        <w:t xml:space="preserve">Paragraaf </w:t>
      </w:r>
      <w:r w:rsidR="00E67C0B">
        <w:fldChar w:fldCharType="begin"/>
      </w:r>
      <w:r w:rsidR="00E67C0B">
        <w:instrText xml:space="preserve"> REF _Ref199164374 \n \h </w:instrText>
      </w:r>
      <w:r w:rsidR="00E67C0B">
        <w:fldChar w:fldCharType="separate"/>
      </w:r>
      <w:r w:rsidR="004A1B16">
        <w:t>4.3</w:t>
      </w:r>
      <w:r w:rsidR="00E67C0B">
        <w:fldChar w:fldCharType="end"/>
      </w:r>
      <w:r w:rsidR="00E67C0B">
        <w:t xml:space="preserve"> licht deze methodes toe.</w:t>
      </w:r>
    </w:p>
    <w:p w14:paraId="31839BA3" w14:textId="502F34D4" w:rsidR="00E67C0B" w:rsidRDefault="000A6ECF" w:rsidP="009D40FE">
      <w:pPr>
        <w:pStyle w:val="Plattetekst"/>
        <w:numPr>
          <w:ilvl w:val="0"/>
          <w:numId w:val="47"/>
        </w:numPr>
      </w:pPr>
      <w:r>
        <w:t xml:space="preserve">De kolom “Offset methode” geeft aan welke offset methode gebruikt wordt voor het opstellen van de stijghoogtelijn. Deze </w:t>
      </w:r>
      <w:r w:rsidR="00FF500D">
        <w:t xml:space="preserve">kolom is alleen van toepassing bij gebruik van de </w:t>
      </w:r>
      <w:r w:rsidR="00C158D1">
        <w:t>methode ‘Offset methode’.</w:t>
      </w:r>
    </w:p>
    <w:p w14:paraId="0988D20E" w14:textId="29553047" w:rsidR="00C158D1" w:rsidRDefault="000F7D2F" w:rsidP="009D40FE">
      <w:pPr>
        <w:pStyle w:val="Plattetekst"/>
        <w:numPr>
          <w:ilvl w:val="0"/>
          <w:numId w:val="47"/>
        </w:numPr>
      </w:pPr>
      <w:r>
        <w:t>De</w:t>
      </w:r>
      <w:r w:rsidR="00C158D1">
        <w:t xml:space="preserve"> kolommen </w:t>
      </w:r>
      <w:r w:rsidR="00514901">
        <w:t xml:space="preserve">in de categorie “INSTELLINGEN FREATISCHE LIJN” </w:t>
      </w:r>
      <w:r>
        <w:t xml:space="preserve">bevat invoer voor toepassing van een minimale offset van de freatische lijn met het maaiveld. </w:t>
      </w:r>
      <w:r w:rsidR="00E36970">
        <w:t xml:space="preserve">Zie paragraaf </w:t>
      </w:r>
      <w:r w:rsidR="00E36970">
        <w:fldChar w:fldCharType="begin"/>
      </w:r>
      <w:r w:rsidR="00E36970">
        <w:instrText xml:space="preserve"> REF _Ref203059708 \n \h </w:instrText>
      </w:r>
      <w:r w:rsidR="00E36970">
        <w:fldChar w:fldCharType="separate"/>
      </w:r>
      <w:r w:rsidR="004A1B16">
        <w:t>4.3.2.2</w:t>
      </w:r>
      <w:r w:rsidR="00E36970">
        <w:fldChar w:fldCharType="end"/>
      </w:r>
      <w:r w:rsidR="00E36970">
        <w:t xml:space="preserve"> voor </w:t>
      </w:r>
      <w:r w:rsidR="008B544B">
        <w:t xml:space="preserve">de </w:t>
      </w:r>
      <w:r w:rsidR="00E36970">
        <w:t xml:space="preserve">details </w:t>
      </w:r>
      <w:r w:rsidR="008B544B">
        <w:t>van</w:t>
      </w:r>
      <w:r w:rsidR="00E36970">
        <w:t xml:space="preserve"> deze methode.</w:t>
      </w:r>
      <w:r w:rsidR="00782711">
        <w:t xml:space="preserve"> Hierin zijn ook enkele aandachtspunten benoemd.</w:t>
      </w:r>
      <w:r w:rsidR="00E36970">
        <w:t xml:space="preserve"> De invoer is alleen van toepassing </w:t>
      </w:r>
      <w:r w:rsidR="000660BF">
        <w:t>wanneer de stijghoogtelijn een freatische lijn betreft.</w:t>
      </w:r>
      <w:r w:rsidR="000D650A">
        <w:t xml:space="preserve"> Als</w:t>
      </w:r>
      <w:r w:rsidR="00A4113A">
        <w:t xml:space="preserve"> deze invoer voor andere lijnen is gegeven volgt een foutmelding.</w:t>
      </w:r>
    </w:p>
    <w:p w14:paraId="2C5B83A3" w14:textId="134B4760" w:rsidR="00A4113A" w:rsidRDefault="006A05ED" w:rsidP="009D40FE">
      <w:pPr>
        <w:pStyle w:val="Plattetekst"/>
        <w:numPr>
          <w:ilvl w:val="0"/>
          <w:numId w:val="47"/>
        </w:numPr>
      </w:pPr>
      <w:r>
        <w:t xml:space="preserve">De kolom “Waarde minimale offset” </w:t>
      </w:r>
      <w:r w:rsidR="00655F75">
        <w:t xml:space="preserve">bevat de toe te passen minimale offset met het maaiveld. De </w:t>
      </w:r>
      <w:r w:rsidR="00B73859">
        <w:t xml:space="preserve">offset wordt altijd in neerwaartse richting toegepast, ongeacht </w:t>
      </w:r>
      <w:r w:rsidR="00B87CEB">
        <w:t>het teken van de invoer (plus/min).</w:t>
      </w:r>
      <w:r w:rsidR="00F93646">
        <w:t xml:space="preserve"> De minimale offset kan ook gelijk zijn aan nul. Het maximale niveau is dan gelijk aan maaiveld.</w:t>
      </w:r>
    </w:p>
    <w:p w14:paraId="65076C57" w14:textId="7C525B6D" w:rsidR="00B87CEB" w:rsidRDefault="00B87CEB" w:rsidP="009D40FE">
      <w:pPr>
        <w:pStyle w:val="Plattetekst"/>
        <w:numPr>
          <w:ilvl w:val="0"/>
          <w:numId w:val="47"/>
        </w:numPr>
      </w:pPr>
      <w:r>
        <w:t xml:space="preserve">De zone waarbinnen de minimale offset geldt wordt opgegeven in de kolommen “Minimale offset vanaf punt” en “Minimale offset tot punt”. </w:t>
      </w:r>
      <w:r w:rsidR="005932AB">
        <w:t xml:space="preserve">Er wordt gekozen uit de karakteristieke punten. De gekozen karakteristieke punten moeten aanwezig zijn in de </w:t>
      </w:r>
      <w:r w:rsidR="006F540D">
        <w:t>berekeningen waarop deze freatische lijn van toepassing is. Anders volgt een foutmelding.</w:t>
      </w:r>
    </w:p>
    <w:p w14:paraId="57689707" w14:textId="3714B340" w:rsidR="00C03DAD" w:rsidRDefault="00494511" w:rsidP="009D40FE">
      <w:pPr>
        <w:pStyle w:val="Plattetekst"/>
        <w:numPr>
          <w:ilvl w:val="0"/>
          <w:numId w:val="47"/>
        </w:numPr>
      </w:pPr>
      <w:r>
        <w:t>De volgorde van karakteristieke punten maakt niet uit bij het opgeven in de kolommen</w:t>
      </w:r>
      <w:r w:rsidR="00C03DAD">
        <w:t xml:space="preserve"> </w:t>
      </w:r>
      <w:r w:rsidR="00D66588">
        <w:t>“Minimale offset vanaf punt” en “Minimale offset tot punt”</w:t>
      </w:r>
      <w:r>
        <w:t xml:space="preserve">. </w:t>
      </w:r>
      <w:r w:rsidR="00C14F51">
        <w:t>De punten kunnen ook andersom opgegeven worden.</w:t>
      </w:r>
    </w:p>
    <w:p w14:paraId="75C309A6" w14:textId="77777777" w:rsidR="00C25F1D" w:rsidRDefault="00C25F1D" w:rsidP="00C25F1D">
      <w:pPr>
        <w:pStyle w:val="Plattetekst"/>
      </w:pPr>
    </w:p>
    <w:p w14:paraId="4CA989B3" w14:textId="734E5F58" w:rsidR="00C25F1D" w:rsidRDefault="00C25F1D" w:rsidP="00C25F1D">
      <w:pPr>
        <w:pStyle w:val="Plattetekst"/>
      </w:pPr>
      <w:r>
        <w:t xml:space="preserve">In </w:t>
      </w:r>
      <w:r w:rsidR="00ED64A5">
        <w:t xml:space="preserve">het voorbeeld in </w:t>
      </w:r>
      <w:r w:rsidR="00ED64A5">
        <w:fldChar w:fldCharType="begin"/>
      </w:r>
      <w:r w:rsidR="00ED64A5">
        <w:instrText xml:space="preserve"> REF _Ref203123833 \h </w:instrText>
      </w:r>
      <w:r w:rsidR="00ED64A5">
        <w:fldChar w:fldCharType="separate"/>
      </w:r>
      <w:r w:rsidR="004A1B16">
        <w:t xml:space="preserve">figuur </w:t>
      </w:r>
      <w:r w:rsidR="004A1B16">
        <w:rPr>
          <w:noProof/>
        </w:rPr>
        <w:t>3</w:t>
      </w:r>
      <w:r w:rsidR="004A1B16">
        <w:noBreakHyphen/>
      </w:r>
      <w:r w:rsidR="004A1B16">
        <w:rPr>
          <w:noProof/>
        </w:rPr>
        <w:t>7</w:t>
      </w:r>
      <w:r w:rsidR="00ED64A5">
        <w:fldChar w:fldCharType="end"/>
      </w:r>
      <w:r w:rsidR="00FD2677">
        <w:t xml:space="preserve"> is de toepassing van een minimale offset met het maaiveld gepresenteerd. </w:t>
      </w:r>
      <w:r w:rsidR="000B707E">
        <w:t>In het blauw is de freatische lijn zonder</w:t>
      </w:r>
      <w:r w:rsidR="00F93646">
        <w:t xml:space="preserve"> weergegeven zonder correctie</w:t>
      </w:r>
      <w:r w:rsidR="001C048F">
        <w:t>. In het rood is de correctie weergegeven.</w:t>
      </w:r>
    </w:p>
    <w:p w14:paraId="047BC2EC" w14:textId="77777777" w:rsidR="00452457" w:rsidRDefault="00452457" w:rsidP="00452457">
      <w:pPr>
        <w:pStyle w:val="Plattetekst"/>
      </w:pPr>
    </w:p>
    <w:p w14:paraId="061340DF" w14:textId="77777777" w:rsidR="00452457" w:rsidRDefault="00452457" w:rsidP="00452457">
      <w:pPr>
        <w:pStyle w:val="Plattetekst"/>
        <w:keepNext/>
      </w:pPr>
      <w:r w:rsidRPr="00452457">
        <w:lastRenderedPageBreak/>
        <w:drawing>
          <wp:inline distT="0" distB="0" distL="0" distR="0" wp14:anchorId="6B8F6E6A" wp14:editId="26C5E598">
            <wp:extent cx="6138414" cy="2814071"/>
            <wp:effectExtent l="38100" t="38100" r="34290" b="43815"/>
            <wp:docPr id="196555364"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555364" name="Afbeelding 1"/>
                    <pic:cNvPicPr/>
                  </pic:nvPicPr>
                  <pic:blipFill>
                    <a:blip r:embed="rId30">
                      <a:extLst>
                        <a:ext uri="{28A0092B-C50C-407E-A947-70E740481C1C}">
                          <a14:useLocalDpi xmlns:a14="http://schemas.microsoft.com/office/drawing/2010/main" val="0"/>
                        </a:ext>
                      </a:extLst>
                    </a:blip>
                    <a:stretch>
                      <a:fillRect/>
                    </a:stretch>
                  </pic:blipFill>
                  <pic:spPr>
                    <a:xfrm>
                      <a:off x="0" y="0"/>
                      <a:ext cx="6160739" cy="2824305"/>
                    </a:xfrm>
                    <a:prstGeom prst="rect">
                      <a:avLst/>
                    </a:prstGeom>
                    <a:ln>
                      <a:noFill/>
                    </a:ln>
                    <a:effectLst>
                      <a:glow rad="25400">
                        <a:schemeClr val="tx2">
                          <a:alpha val="40000"/>
                        </a:schemeClr>
                      </a:glow>
                    </a:effectLst>
                  </pic:spPr>
                </pic:pic>
              </a:graphicData>
            </a:graphic>
          </wp:inline>
        </w:drawing>
      </w:r>
    </w:p>
    <w:p w14:paraId="0F3BC82A" w14:textId="2DCE8449" w:rsidR="00452457" w:rsidRDefault="00452457" w:rsidP="00AE7295">
      <w:pPr>
        <w:pStyle w:val="Bijschrift"/>
      </w:pPr>
      <w:bookmarkStart w:id="55" w:name="_Ref203123833"/>
      <w:r>
        <w:t xml:space="preserve">figuur </w:t>
      </w:r>
      <w:fldSimple w:instr=" STYLEREF 1 \s ">
        <w:r w:rsidR="004A1B16">
          <w:rPr>
            <w:noProof/>
          </w:rPr>
          <w:t>3</w:t>
        </w:r>
      </w:fldSimple>
      <w:r w:rsidR="00675DAB">
        <w:noBreakHyphen/>
      </w:r>
      <w:fldSimple w:instr=" SEQ figuur \* ARABIC \s 1 ">
        <w:r w:rsidR="004A1B16">
          <w:rPr>
            <w:noProof/>
          </w:rPr>
          <w:t>7</w:t>
        </w:r>
      </w:fldSimple>
      <w:bookmarkEnd w:id="55"/>
      <w:r>
        <w:t>: Voorbeeld toepassing minimale offset met maaiveld</w:t>
      </w:r>
    </w:p>
    <w:p w14:paraId="5010E365" w14:textId="77777777" w:rsidR="009D40FE" w:rsidRDefault="009D40FE" w:rsidP="005C5155">
      <w:pPr>
        <w:pStyle w:val="Plattetekst"/>
      </w:pPr>
    </w:p>
    <w:p w14:paraId="091BEF86" w14:textId="4BB2FEF5" w:rsidR="005C5155" w:rsidRPr="005C5155" w:rsidRDefault="005C5155" w:rsidP="00B56CDB">
      <w:pPr>
        <w:pStyle w:val="Kop2"/>
      </w:pPr>
      <w:bookmarkStart w:id="56" w:name="_Toc203144493"/>
      <w:r>
        <w:t>Referentielijnen</w:t>
      </w:r>
      <w:bookmarkEnd w:id="56"/>
    </w:p>
    <w:p w14:paraId="2C66959A" w14:textId="7886D51D" w:rsidR="003A708B" w:rsidRDefault="004648AC" w:rsidP="00C63A8F">
      <w:pPr>
        <w:pStyle w:val="Plattetekst"/>
      </w:pPr>
      <w:r>
        <w:t>In het tabblad “Referentielijnen</w:t>
      </w:r>
      <w:r w:rsidR="001441C4">
        <w:t>”</w:t>
      </w:r>
      <w:r>
        <w:t xml:space="preserve"> </w:t>
      </w:r>
      <w:r w:rsidR="001441C4">
        <w:t xml:space="preserve">worden de referentielijnen behorende bij de stijghoogtelijnen gedefinieerd. </w:t>
      </w:r>
      <w:r w:rsidR="003E2D8F">
        <w:t>Voor de invoer geldt het onderstaande:</w:t>
      </w:r>
    </w:p>
    <w:p w14:paraId="14773B4C" w14:textId="686C3831" w:rsidR="006A04DE" w:rsidRDefault="006A04DE" w:rsidP="003E2D8F">
      <w:pPr>
        <w:pStyle w:val="Plattetekst"/>
        <w:numPr>
          <w:ilvl w:val="0"/>
          <w:numId w:val="48"/>
        </w:numPr>
      </w:pPr>
      <w:r>
        <w:t>Iedere regel stelt een referentielijn voor.</w:t>
      </w:r>
    </w:p>
    <w:p w14:paraId="3F2EC654" w14:textId="535D4B2C" w:rsidR="003E2D8F" w:rsidRDefault="003F5988" w:rsidP="003E2D8F">
      <w:pPr>
        <w:pStyle w:val="Plattetekst"/>
        <w:numPr>
          <w:ilvl w:val="0"/>
          <w:numId w:val="48"/>
        </w:numPr>
      </w:pPr>
      <w:r>
        <w:t xml:space="preserve">De kolom “Naam waterspanningsscenario” bevat de naam van het scenario. De opties zijn beschikbaar zoals </w:t>
      </w:r>
      <w:r w:rsidR="009C390F">
        <w:t>opgegeven in het tabblad “</w:t>
      </w:r>
      <w:r w:rsidR="001061B3">
        <w:t xml:space="preserve">Stijghoogtes”. </w:t>
      </w:r>
      <w:r w:rsidR="00582CF6">
        <w:t>De stijghoogtelijnen en referentielijnen worden aan elkaar gekoppeld met de scenarionaam.</w:t>
      </w:r>
    </w:p>
    <w:p w14:paraId="3A37B345" w14:textId="644E76E8" w:rsidR="006A04DE" w:rsidRDefault="006A04DE" w:rsidP="006A04DE">
      <w:pPr>
        <w:pStyle w:val="Plattetekst"/>
        <w:numPr>
          <w:ilvl w:val="0"/>
          <w:numId w:val="48"/>
        </w:numPr>
      </w:pPr>
      <w:r>
        <w:t>Regels met</w:t>
      </w:r>
      <w:r w:rsidR="00582CF6">
        <w:t xml:space="preserve"> een</w:t>
      </w:r>
      <w:r>
        <w:t xml:space="preserve"> gelijke naam in de kolom “Naam waterspanningsscenario” horen bij elkaar.</w:t>
      </w:r>
    </w:p>
    <w:p w14:paraId="68D58888" w14:textId="2B8506CA" w:rsidR="006A04DE" w:rsidRDefault="00582CF6" w:rsidP="003E2D8F">
      <w:pPr>
        <w:pStyle w:val="Plattetekst"/>
        <w:numPr>
          <w:ilvl w:val="0"/>
          <w:numId w:val="48"/>
        </w:numPr>
      </w:pPr>
      <w:r>
        <w:t>De kolom “Naam referentielijn” bevat de naam van de lijn.</w:t>
      </w:r>
    </w:p>
    <w:p w14:paraId="34E1F66C" w14:textId="0CD73852" w:rsidR="00556BB0" w:rsidRDefault="00556BB0" w:rsidP="003E2D8F">
      <w:pPr>
        <w:pStyle w:val="Plattetekst"/>
        <w:numPr>
          <w:ilvl w:val="0"/>
          <w:numId w:val="48"/>
        </w:numPr>
      </w:pPr>
      <w:r>
        <w:t xml:space="preserve">In de kolommen “PL-lijn bovenzijde” en “PL-lijn onderzijde” worden de stijghoogtelijnen aan de </w:t>
      </w:r>
      <w:r w:rsidR="00F03A21">
        <w:t xml:space="preserve">referentielijn toegevoegd. </w:t>
      </w:r>
      <w:r w:rsidR="00F9300C">
        <w:t xml:space="preserve">Er moet minimaal één PL-lijn aan een referentielijn worden </w:t>
      </w:r>
      <w:proofErr w:type="spellStart"/>
      <w:r w:rsidR="00F9300C">
        <w:t>toegekent</w:t>
      </w:r>
      <w:proofErr w:type="spellEnd"/>
      <w:r w:rsidR="00F9300C">
        <w:t>.</w:t>
      </w:r>
    </w:p>
    <w:p w14:paraId="1B988B84" w14:textId="1CC9EC14" w:rsidR="006A04DE" w:rsidRDefault="00D530E2" w:rsidP="003E2D8F">
      <w:pPr>
        <w:pStyle w:val="Plattetekst"/>
        <w:numPr>
          <w:ilvl w:val="0"/>
          <w:numId w:val="48"/>
        </w:numPr>
      </w:pPr>
      <w:r>
        <w:t xml:space="preserve">De kolom “Plaatsing referentielijn” bevat de methode voor het opstellen van de referentielijn. Er zijn drie opties: ‘Offset methode’, </w:t>
      </w:r>
      <w:r w:rsidR="00C136FA">
        <w:t xml:space="preserve">‘Watervoerende laag’, ‘Watervoerende tussenlaag’ en ‘Indringingslengte’. De details van deze methodes zijn toegelicht in paragraaf </w:t>
      </w:r>
      <w:r w:rsidR="00C136FA">
        <w:fldChar w:fldCharType="begin"/>
      </w:r>
      <w:r w:rsidR="00C136FA">
        <w:instrText xml:space="preserve"> REF _Ref199162034 \n \h </w:instrText>
      </w:r>
      <w:r w:rsidR="00C136FA">
        <w:fldChar w:fldCharType="separate"/>
      </w:r>
      <w:r w:rsidR="004A1B16">
        <w:t>4.3.5</w:t>
      </w:r>
      <w:r w:rsidR="00C136FA">
        <w:fldChar w:fldCharType="end"/>
      </w:r>
      <w:r w:rsidR="00C136FA">
        <w:t>.</w:t>
      </w:r>
    </w:p>
    <w:p w14:paraId="2475C1FC" w14:textId="3B24B879" w:rsidR="00C136FA" w:rsidRDefault="009048F4" w:rsidP="003E2D8F">
      <w:pPr>
        <w:pStyle w:val="Plattetekst"/>
        <w:numPr>
          <w:ilvl w:val="0"/>
          <w:numId w:val="48"/>
        </w:numPr>
      </w:pPr>
      <w:r>
        <w:t>In kolom “Offset methode” wordt bij gebruik van de optie ‘Offset methode’ de gewenste methode geselecteerd.</w:t>
      </w:r>
    </w:p>
    <w:p w14:paraId="02E1350C" w14:textId="77777777" w:rsidR="00EC4DF5" w:rsidRDefault="008D2B3B" w:rsidP="003E2D8F">
      <w:pPr>
        <w:pStyle w:val="Plattetekst"/>
        <w:numPr>
          <w:ilvl w:val="0"/>
          <w:numId w:val="48"/>
        </w:numPr>
      </w:pPr>
      <w:r>
        <w:t>D</w:t>
      </w:r>
      <w:r w:rsidR="00A71B1F">
        <w:t>e kolom</w:t>
      </w:r>
      <w:r>
        <w:t>men</w:t>
      </w:r>
      <w:r w:rsidR="00A71B1F">
        <w:t xml:space="preserve"> </w:t>
      </w:r>
      <w:r w:rsidR="003C5193">
        <w:t xml:space="preserve">“Indringing vanaf referentielijn” </w:t>
      </w:r>
      <w:r>
        <w:t>en “Indringingslengte” bevat de invoer bij gebruik van de plaatsingsmethode ‘Indringingslengte’.</w:t>
      </w:r>
      <w:r w:rsidR="00EC4DF5">
        <w:t xml:space="preserve"> Als deze methode niet gebruikt wordt blijven deze velden leeg.</w:t>
      </w:r>
    </w:p>
    <w:p w14:paraId="74BACB9D" w14:textId="7B2E3EE4" w:rsidR="009048F4" w:rsidRDefault="00EC4DF5" w:rsidP="003E2D8F">
      <w:pPr>
        <w:pStyle w:val="Plattetekst"/>
        <w:numPr>
          <w:ilvl w:val="0"/>
          <w:numId w:val="48"/>
        </w:numPr>
      </w:pPr>
      <w:r>
        <w:t xml:space="preserve">De kolom </w:t>
      </w:r>
      <w:r>
        <w:t>“Indringing vanaf referentielijn”</w:t>
      </w:r>
      <w:r>
        <w:t xml:space="preserve"> geeft aan vanaf welke referentielijn de indringing geldt.</w:t>
      </w:r>
    </w:p>
    <w:p w14:paraId="5DE1EFA6" w14:textId="101CAA04" w:rsidR="00EC4DF5" w:rsidRDefault="00EC4DF5" w:rsidP="003E2D8F">
      <w:pPr>
        <w:pStyle w:val="Plattetekst"/>
        <w:numPr>
          <w:ilvl w:val="0"/>
          <w:numId w:val="48"/>
        </w:numPr>
      </w:pPr>
      <w:r>
        <w:t xml:space="preserve">De kolom </w:t>
      </w:r>
      <w:r>
        <w:t>“Indringingslengte”</w:t>
      </w:r>
      <w:r>
        <w:t xml:space="preserve"> geeft </w:t>
      </w:r>
      <w:r w:rsidR="00593843">
        <w:t xml:space="preserve">de grootte van de indringing aan. Bij een positieve waarde is de indringing opwaarts. In het geval dat de referentielijn bij </w:t>
      </w:r>
      <w:r w:rsidR="00593843">
        <w:t>“Indringing vanaf referentielijn”</w:t>
      </w:r>
      <w:r w:rsidR="00593843">
        <w:t xml:space="preserve"> gebaseerd is op een watervoerende (tussen)laag dan zijn er twee referentielijnen vanaf waar de indringing genomen </w:t>
      </w:r>
      <w:r w:rsidR="000031A0">
        <w:t xml:space="preserve">zou kunnen worden. Namelijk de onderzijde en de bovenzijde van de watervoerende (tussen)laag. Bij een positieve indringingslengte wordt de bovenste referentielijn gehanteerd. Bij een negatieve </w:t>
      </w:r>
      <w:r w:rsidR="00847AC6">
        <w:t>de onderste referentielijn.</w:t>
      </w:r>
    </w:p>
    <w:p w14:paraId="7AB3DC9E" w14:textId="77777777" w:rsidR="00847AC6" w:rsidRDefault="00847AC6" w:rsidP="00847AC6">
      <w:pPr>
        <w:pStyle w:val="Plattetekst"/>
      </w:pPr>
    </w:p>
    <w:p w14:paraId="5D79123A" w14:textId="36A74F09" w:rsidR="00847AC6" w:rsidRDefault="00847AC6" w:rsidP="00847AC6">
      <w:pPr>
        <w:pStyle w:val="Plattetekst"/>
      </w:pPr>
      <w:r>
        <w:t xml:space="preserve">Een voorbeeld van het gebruik van de methode ‘Indringingslengte’ is gepresenteerd in </w:t>
      </w:r>
      <w:r>
        <w:fldChar w:fldCharType="begin"/>
      </w:r>
      <w:r>
        <w:instrText xml:space="preserve"> REF _Ref203128768 \h </w:instrText>
      </w:r>
      <w:r>
        <w:fldChar w:fldCharType="separate"/>
      </w:r>
      <w:r w:rsidR="004A1B16" w:rsidRPr="00AE7295">
        <w:t xml:space="preserve">figuur </w:t>
      </w:r>
      <w:r w:rsidR="004A1B16">
        <w:rPr>
          <w:noProof/>
        </w:rPr>
        <w:t>3</w:t>
      </w:r>
      <w:r w:rsidR="004A1B16">
        <w:noBreakHyphen/>
      </w:r>
      <w:r w:rsidR="004A1B16">
        <w:rPr>
          <w:noProof/>
        </w:rPr>
        <w:t>8</w:t>
      </w:r>
      <w:r>
        <w:fldChar w:fldCharType="end"/>
      </w:r>
      <w:r>
        <w:t>.</w:t>
      </w:r>
    </w:p>
    <w:p w14:paraId="1A60542F" w14:textId="77777777" w:rsidR="004648AC" w:rsidRDefault="004648AC" w:rsidP="00C63A8F">
      <w:pPr>
        <w:pStyle w:val="Plattetekst"/>
      </w:pPr>
    </w:p>
    <w:p w14:paraId="15BEF43B" w14:textId="77777777" w:rsidR="00615059" w:rsidRDefault="00615059" w:rsidP="00615059">
      <w:pPr>
        <w:pStyle w:val="Plattetekst"/>
        <w:keepNext/>
      </w:pPr>
      <w:r w:rsidRPr="00615059">
        <w:lastRenderedPageBreak/>
        <w:drawing>
          <wp:inline distT="0" distB="0" distL="0" distR="0" wp14:anchorId="262AFE31" wp14:editId="0F76F328">
            <wp:extent cx="6120130" cy="2215515"/>
            <wp:effectExtent l="38100" t="38100" r="33020" b="32385"/>
            <wp:docPr id="886063275" name="Afbeelding 1" descr="Afbeelding met tekst, lijn, diagram,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6063275" name="Afbeelding 1" descr="Afbeelding met tekst, lijn, diagram, schermopname&#10;&#10;Door AI gegenereerde inhoud is mogelijk onjuist."/>
                    <pic:cNvPicPr/>
                  </pic:nvPicPr>
                  <pic:blipFill>
                    <a:blip r:embed="rId31"/>
                    <a:stretch>
                      <a:fillRect/>
                    </a:stretch>
                  </pic:blipFill>
                  <pic:spPr>
                    <a:xfrm>
                      <a:off x="0" y="0"/>
                      <a:ext cx="6120130" cy="2215515"/>
                    </a:xfrm>
                    <a:prstGeom prst="rect">
                      <a:avLst/>
                    </a:prstGeom>
                    <a:ln>
                      <a:noFill/>
                    </a:ln>
                    <a:effectLst>
                      <a:glow rad="25400">
                        <a:schemeClr val="tx2">
                          <a:alpha val="40000"/>
                        </a:schemeClr>
                      </a:glow>
                    </a:effectLst>
                  </pic:spPr>
                </pic:pic>
              </a:graphicData>
            </a:graphic>
          </wp:inline>
        </w:drawing>
      </w:r>
    </w:p>
    <w:p w14:paraId="6ADE73C4" w14:textId="7EAE8566" w:rsidR="00615059" w:rsidRPr="00AE7295" w:rsidRDefault="00615059" w:rsidP="00AE7295">
      <w:pPr>
        <w:pStyle w:val="Bijschrift"/>
      </w:pPr>
      <w:bookmarkStart w:id="57" w:name="_Ref203128768"/>
      <w:r w:rsidRPr="00AE7295">
        <w:t xml:space="preserve">figuur </w:t>
      </w:r>
      <w:fldSimple w:instr=" STYLEREF 1 \s ">
        <w:r w:rsidR="004A1B16">
          <w:rPr>
            <w:noProof/>
          </w:rPr>
          <w:t>3</w:t>
        </w:r>
      </w:fldSimple>
      <w:r w:rsidR="00675DAB">
        <w:noBreakHyphen/>
      </w:r>
      <w:fldSimple w:instr=" SEQ figuur \* ARABIC \s 1 ">
        <w:r w:rsidR="004A1B16">
          <w:rPr>
            <w:noProof/>
          </w:rPr>
          <w:t>8</w:t>
        </w:r>
      </w:fldSimple>
      <w:bookmarkEnd w:id="57"/>
      <w:r w:rsidRPr="00AE7295">
        <w:t>: Voorbeeld toepassing methode indringingslengte</w:t>
      </w:r>
    </w:p>
    <w:p w14:paraId="3F11D121" w14:textId="77777777" w:rsidR="00667308" w:rsidRDefault="00667308" w:rsidP="00667308">
      <w:pPr>
        <w:pStyle w:val="Kop2"/>
      </w:pPr>
      <w:bookmarkStart w:id="58" w:name="_Ref194060430"/>
      <w:bookmarkStart w:id="59" w:name="_Toc203144494"/>
      <w:r>
        <w:t>Bekleding</w:t>
      </w:r>
      <w:bookmarkEnd w:id="59"/>
    </w:p>
    <w:p w14:paraId="2990B36F" w14:textId="77777777" w:rsidR="00667308" w:rsidRDefault="00667308" w:rsidP="00667308">
      <w:pPr>
        <w:pStyle w:val="Plattetekst"/>
      </w:pPr>
      <w:r>
        <w:t>In het tabblad “Bekledingen” kunnen bekledingsprofielen opgesteld worden. Binnen een bekledingsprofiel kunnen meerdere bekledingen worden gespecificeerd. Zo is het bijvoorbeeld mogelijk om in één bekledingsprofiel een steenbekleding op het buitentalud, een wegverharding op de kruin en een kleibekleding op het binnentalud te schematiseren. Voor de invoer geldt het onderstaande:</w:t>
      </w:r>
    </w:p>
    <w:p w14:paraId="2F407800" w14:textId="77777777" w:rsidR="00667308" w:rsidRDefault="00667308" w:rsidP="00667308">
      <w:pPr>
        <w:pStyle w:val="Plattetekst"/>
        <w:numPr>
          <w:ilvl w:val="0"/>
          <w:numId w:val="28"/>
        </w:numPr>
      </w:pPr>
      <w:r>
        <w:t>Iedere regel stelt een stuk bekleding voor.</w:t>
      </w:r>
    </w:p>
    <w:p w14:paraId="57486733" w14:textId="77777777" w:rsidR="00667308" w:rsidRDefault="00667308" w:rsidP="00667308">
      <w:pPr>
        <w:pStyle w:val="Plattetekst"/>
        <w:numPr>
          <w:ilvl w:val="0"/>
          <w:numId w:val="28"/>
        </w:numPr>
      </w:pPr>
      <w:r>
        <w:t>In de kolom “Naam bekledingsprofiel” wordt de naam van het bekledingsprofiel opgegeven.</w:t>
      </w:r>
    </w:p>
    <w:p w14:paraId="0FABE925" w14:textId="77777777" w:rsidR="00667308" w:rsidRDefault="00667308" w:rsidP="00667308">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511BED35" w14:textId="77777777" w:rsidR="00667308" w:rsidRDefault="00667308" w:rsidP="00667308">
      <w:pPr>
        <w:pStyle w:val="Plattetekst"/>
        <w:numPr>
          <w:ilvl w:val="0"/>
          <w:numId w:val="28"/>
        </w:numPr>
      </w:pPr>
      <w:r>
        <w:t>In de kolom “Van punt” en “Tot punt” worden de karakteristieke punten opgegeven waartussen de betreffende bekleding zich bevindt. De volgorde van de karakteristieke punten maakt niet uit.</w:t>
      </w:r>
    </w:p>
    <w:p w14:paraId="3767F002" w14:textId="77777777" w:rsidR="00667308" w:rsidRDefault="00667308" w:rsidP="00667308">
      <w:pPr>
        <w:pStyle w:val="Plattetekst"/>
        <w:numPr>
          <w:ilvl w:val="0"/>
          <w:numId w:val="28"/>
        </w:numPr>
      </w:pPr>
      <w:r>
        <w:t>In de kolom “Dikte” wordt de dikte van de bekleding opgegeven. De dikte wordt haaks op het maaiveld toegepast.</w:t>
      </w:r>
    </w:p>
    <w:p w14:paraId="296F49D4" w14:textId="77777777" w:rsidR="00667308" w:rsidRDefault="00667308" w:rsidP="00667308">
      <w:pPr>
        <w:pStyle w:val="Plattetekst"/>
        <w:numPr>
          <w:ilvl w:val="0"/>
          <w:numId w:val="28"/>
        </w:numPr>
      </w:pPr>
      <w:r>
        <w:t>In de kolom “Grondsoort” wordt de grondsoort opgeven. Er kan gekozen worden uit de grondsoorten zoals opgegeven in het tabblad “Sterkteparameters”.</w:t>
      </w:r>
    </w:p>
    <w:p w14:paraId="2D702056" w14:textId="77777777" w:rsidR="00667308" w:rsidRDefault="00667308" w:rsidP="00667308">
      <w:pPr>
        <w:pStyle w:val="Plattetekst"/>
      </w:pPr>
    </w:p>
    <w:p w14:paraId="4195404F" w14:textId="77777777" w:rsidR="00667308" w:rsidRPr="009E6533" w:rsidRDefault="00667308" w:rsidP="00667308">
      <w:pPr>
        <w:pStyle w:val="Plattetekst"/>
        <w:rPr>
          <w:b/>
          <w:bCs/>
          <w:color w:val="046444"/>
        </w:rPr>
      </w:pPr>
      <w:r>
        <w:rPr>
          <w:b/>
          <w:bCs/>
          <w:color w:val="046444"/>
        </w:rPr>
        <w:t>Beperking</w:t>
      </w:r>
      <w:r w:rsidRPr="009E6533">
        <w:rPr>
          <w:b/>
          <w:bCs/>
          <w:color w:val="046444"/>
        </w:rPr>
        <w:t>:</w:t>
      </w:r>
    </w:p>
    <w:p w14:paraId="15D0F1F7" w14:textId="77777777" w:rsidR="00667308" w:rsidRDefault="00667308" w:rsidP="00667308">
      <w:pPr>
        <w:pStyle w:val="Plattetekst"/>
      </w:pPr>
      <w:r>
        <w:rPr>
          <w:noProof/>
        </w:rPr>
        <mc:AlternateContent>
          <mc:Choice Requires="wps">
            <w:drawing>
              <wp:inline distT="0" distB="0" distL="0" distR="0" wp14:anchorId="10A72727" wp14:editId="7795B225">
                <wp:extent cx="6217920" cy="675861"/>
                <wp:effectExtent l="0" t="0" r="11430" b="26670"/>
                <wp:docPr id="1293470548"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29804"/>
                          </a:srgbClr>
                        </a:solidFill>
                        <a:ln w="9525">
                          <a:solidFill>
                            <a:srgbClr val="000000"/>
                          </a:solidFill>
                          <a:miter lim="800000"/>
                          <a:headEnd/>
                          <a:tailEnd/>
                        </a:ln>
                      </wps:spPr>
                      <wps:txbx>
                        <w:txbxContent>
                          <w:p w14:paraId="2D555E5D" w14:textId="77777777" w:rsidR="00667308" w:rsidRDefault="00667308" w:rsidP="00667308">
                            <w:r>
                              <w:t>In de huidige versie van de tool resulteert het combineren van 3D profielen (instelling in tabblad “Instellingen”) in combinatie met het gebruik van een bekleding in specifieke gevallen in een incorrecte geometrie. Issues bevinden zich rond de bekleding, zoals een punt teveel en een aansluitende laag die ontbreekt. Het wordt aanbevolen om in combinatie met bekledingen gebruik te maken van 2D profielen.</w:t>
                            </w:r>
                          </w:p>
                        </w:txbxContent>
                      </wps:txbx>
                      <wps:bodyPr rot="0" vert="horz" wrap="square" lIns="91440" tIns="45720" rIns="91440" bIns="45720" anchor="t" anchorCtr="0">
                        <a:spAutoFit/>
                      </wps:bodyPr>
                    </wps:wsp>
                  </a:graphicData>
                </a:graphic>
              </wp:inline>
            </w:drawing>
          </mc:Choice>
          <mc:Fallback>
            <w:pict>
              <v:shape w14:anchorId="10A72727" id="_x0000_s1040"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" fillcolor="#046444">
                <v:fill opacity="19532f"/>
                <v:textbox style="mso-fit-shape-to-text:t">
                  <w:txbxContent>
                    <w:p w14:paraId="2D555E5D" w14:textId="77777777" w:rsidR="00667308" w:rsidRDefault="00667308" w:rsidP="00667308">
                      <w:r>
                        <w:t>In de huidige versie van de tool resulteert het combineren van 3D profielen (instelling in tabblad “Instellingen”) in combinatie met het gebruik van een bekleding in specifieke gevallen in een incorrecte geometrie. Issues bevinden zich rond de bekleding, zoals een punt teveel en een aansluitende laag die ontbreekt. Het wordt aanbevolen om in combinatie met bekledingen gebruik te maken van 2D profielen.</w:t>
                      </w:r>
                    </w:p>
                  </w:txbxContent>
                </v:textbox>
                <w10:anchorlock/>
              </v:shape>
            </w:pict>
          </mc:Fallback>
        </mc:AlternateContent>
      </w:r>
    </w:p>
    <w:p w14:paraId="0BDF4D5A" w14:textId="77777777" w:rsidR="00667308" w:rsidRPr="00B6623A" w:rsidRDefault="00667308" w:rsidP="00667308">
      <w:pPr>
        <w:pStyle w:val="Plattetekst"/>
      </w:pPr>
    </w:p>
    <w:p w14:paraId="7A99AAAE" w14:textId="77777777" w:rsidR="000320F9" w:rsidRDefault="000320F9" w:rsidP="000320F9">
      <w:pPr>
        <w:pStyle w:val="Kop2"/>
      </w:pPr>
      <w:bookmarkStart w:id="60" w:name="_Toc203144495"/>
      <w:r>
        <w:t>Belasting</w:t>
      </w:r>
      <w:bookmarkEnd w:id="60"/>
    </w:p>
    <w:p w14:paraId="7435D87C" w14:textId="4F9D249C" w:rsidR="000320F9" w:rsidRDefault="000320F9" w:rsidP="000320F9">
      <w:pPr>
        <w:pStyle w:val="Plattetekst"/>
      </w:pPr>
      <w:r>
        <w:t xml:space="preserve">In het tabblad “Belasting” worden uniforme belastingen gedefinieerd. De plaatsing van een belasting in het dwarsprofiel wordt bepaald door de positie, richting en breedte. Een voorbeeld hiervan is gegeven in </w:t>
      </w:r>
      <w:r>
        <w:fldChar w:fldCharType="begin"/>
      </w:r>
      <w:r>
        <w:instrText xml:space="preserve"> REF _Ref194305982 \h </w:instrText>
      </w:r>
      <w:r>
        <w:fldChar w:fldCharType="separate"/>
      </w:r>
      <w:r w:rsidR="004A1B16">
        <w:t xml:space="preserve">figuur </w:t>
      </w:r>
      <w:r w:rsidR="004A1B16">
        <w:rPr>
          <w:noProof/>
        </w:rPr>
        <w:t>3</w:t>
      </w:r>
      <w:r w:rsidR="004A1B16">
        <w:noBreakHyphen/>
      </w:r>
      <w:r w:rsidR="004A1B16">
        <w:rPr>
          <w:noProof/>
        </w:rPr>
        <w:t>9</w:t>
      </w:r>
      <w:r>
        <w:fldChar w:fldCharType="end"/>
      </w:r>
      <w:r>
        <w:t>. Voor de invoer van het tabblad geldt het volgende:</w:t>
      </w:r>
    </w:p>
    <w:p w14:paraId="50BEEFE0" w14:textId="77777777" w:rsidR="000320F9" w:rsidRDefault="000320F9" w:rsidP="000320F9">
      <w:pPr>
        <w:pStyle w:val="Plattetekst"/>
        <w:numPr>
          <w:ilvl w:val="0"/>
          <w:numId w:val="29"/>
        </w:numPr>
      </w:pPr>
      <w:r>
        <w:t>Iedere regel stelt een belasting voor.</w:t>
      </w:r>
    </w:p>
    <w:p w14:paraId="480554B1" w14:textId="77777777" w:rsidR="000320F9" w:rsidRDefault="000320F9" w:rsidP="000320F9">
      <w:pPr>
        <w:pStyle w:val="Plattetekst"/>
        <w:numPr>
          <w:ilvl w:val="0"/>
          <w:numId w:val="29"/>
        </w:numPr>
      </w:pPr>
      <w:r>
        <w:t>In kolom “Naam belasting” wordt de naam van de belasting opgegeven. Kies hiervoor per belasting een unieke naam.</w:t>
      </w:r>
    </w:p>
    <w:p w14:paraId="0F8EEEDC" w14:textId="77777777" w:rsidR="000320F9" w:rsidRDefault="000320F9" w:rsidP="000320F9">
      <w:pPr>
        <w:pStyle w:val="Plattetekst"/>
        <w:numPr>
          <w:ilvl w:val="0"/>
          <w:numId w:val="29"/>
        </w:numPr>
      </w:pPr>
      <w:r>
        <w:t>In de kolom “Grootte” wordt de grootte van de belasting opgegeven.</w:t>
      </w:r>
    </w:p>
    <w:p w14:paraId="796E1841" w14:textId="77777777" w:rsidR="000320F9" w:rsidRDefault="000320F9" w:rsidP="000320F9">
      <w:pPr>
        <w:pStyle w:val="Plattetekst"/>
        <w:numPr>
          <w:ilvl w:val="0"/>
          <w:numId w:val="29"/>
        </w:numPr>
      </w:pPr>
      <w:r>
        <w:t>In de kolom “Spreiding” wordt de spreiding van de belasting opgegeven.</w:t>
      </w:r>
    </w:p>
    <w:p w14:paraId="0FA56782" w14:textId="77777777" w:rsidR="000320F9" w:rsidRDefault="000320F9" w:rsidP="000320F9">
      <w:pPr>
        <w:pStyle w:val="Plattetekst"/>
        <w:numPr>
          <w:ilvl w:val="0"/>
          <w:numId w:val="29"/>
        </w:numPr>
      </w:pPr>
      <w:r>
        <w:t>In de kolom “Breedte” wordt de breedte van de belasting opgegeven.</w:t>
      </w:r>
    </w:p>
    <w:p w14:paraId="57809D4C" w14:textId="77777777" w:rsidR="000320F9" w:rsidRDefault="000320F9" w:rsidP="000320F9">
      <w:pPr>
        <w:pStyle w:val="Plattetekst"/>
        <w:numPr>
          <w:ilvl w:val="0"/>
          <w:numId w:val="29"/>
        </w:numPr>
      </w:pPr>
      <w:r>
        <w:lastRenderedPageBreak/>
        <w:t>Een uniforme belasting is met twee punten te definiëren. In de kolom “Positie” wordt één van de twee punten aangegeven. Hiervoor kan gekozen worden uit de karakteristieke punten.</w:t>
      </w:r>
    </w:p>
    <w:p w14:paraId="7C1F59DA" w14:textId="7A76D34D" w:rsidR="000320F9" w:rsidRDefault="000320F9" w:rsidP="000320F9">
      <w:pPr>
        <w:pStyle w:val="Plattetekst"/>
        <w:numPr>
          <w:ilvl w:val="0"/>
          <w:numId w:val="29"/>
        </w:numPr>
      </w:pPr>
      <w:r>
        <w:t xml:space="preserve">In de kolom “Richting” wordt aangegeven in welke richting de belasting wordt geplaatst ten opzichte van het punt aangegeven in “Positie”. Er kan gekozen worden uit “Binnenwaarts” en “Buitenwaarts”. Zie het voorbeeld in </w:t>
      </w:r>
      <w:r>
        <w:fldChar w:fldCharType="begin"/>
      </w:r>
      <w:r>
        <w:instrText xml:space="preserve"> REF _Ref194305982 \h </w:instrText>
      </w:r>
      <w:r>
        <w:fldChar w:fldCharType="separate"/>
      </w:r>
      <w:r w:rsidR="004A1B16">
        <w:t xml:space="preserve">figuur </w:t>
      </w:r>
      <w:r w:rsidR="004A1B16">
        <w:rPr>
          <w:noProof/>
        </w:rPr>
        <w:t>3</w:t>
      </w:r>
      <w:r w:rsidR="004A1B16">
        <w:noBreakHyphen/>
      </w:r>
      <w:r w:rsidR="004A1B16">
        <w:rPr>
          <w:noProof/>
        </w:rPr>
        <w:t>9</w:t>
      </w:r>
      <w:r>
        <w:fldChar w:fldCharType="end"/>
      </w:r>
      <w:r>
        <w:t>. De binnenkruin (BIK) is aangemerkt als de positie. Voor de richting is “Buitenwaarts” opgegeven. Het tweede punt ligt zodoende buitenwaarts van de binnenkruin.</w:t>
      </w:r>
    </w:p>
    <w:p w14:paraId="59C6F9F4" w14:textId="77777777" w:rsidR="000320F9" w:rsidRDefault="000320F9" w:rsidP="000320F9">
      <w:pPr>
        <w:pStyle w:val="Plattetekst"/>
        <w:numPr>
          <w:ilvl w:val="0"/>
          <w:numId w:val="17"/>
        </w:numPr>
      </w:pPr>
      <w:r>
        <w:t>Het eerste punt is beperkt tot de beschikbare karakteristiek punten. Een verplaatsing ten opzichte van een karakteristiek punt is niet geïmplementeerd.</w:t>
      </w:r>
    </w:p>
    <w:p w14:paraId="416FE5EC" w14:textId="61C3A8C0" w:rsidR="000320F9" w:rsidRDefault="000320F9" w:rsidP="000320F9">
      <w:pPr>
        <w:pStyle w:val="Plattetekst"/>
        <w:numPr>
          <w:ilvl w:val="0"/>
          <w:numId w:val="17"/>
        </w:numPr>
      </w:pPr>
      <w:r>
        <w:t xml:space="preserve">Als gevolg van een verkeersbelasting kan er wateroverspanning in de ondergrond ontstaan. De wateroverspanning als gevolg van een belasting is per grondsoort te schematiseren. Zie hiervoor paragraaf </w:t>
      </w:r>
      <w:r>
        <w:fldChar w:fldCharType="begin"/>
      </w:r>
      <w:r>
        <w:instrText xml:space="preserve"> REF _Ref194394207 \r \h </w:instrText>
      </w:r>
      <w:r>
        <w:fldChar w:fldCharType="separate"/>
      </w:r>
      <w:r w:rsidR="004A1B16">
        <w:t>3.4</w:t>
      </w:r>
      <w:r>
        <w:fldChar w:fldCharType="end"/>
      </w:r>
      <w:r>
        <w:t>.</w:t>
      </w:r>
    </w:p>
    <w:p w14:paraId="7CD4783B" w14:textId="77777777" w:rsidR="000320F9" w:rsidRDefault="000320F9" w:rsidP="000320F9">
      <w:pPr>
        <w:pStyle w:val="Plattetekst"/>
        <w:ind w:left="360"/>
      </w:pPr>
    </w:p>
    <w:p w14:paraId="7E15660B" w14:textId="77777777" w:rsidR="000320F9" w:rsidRDefault="000320F9" w:rsidP="000320F9">
      <w:pPr>
        <w:pStyle w:val="Plattetekst"/>
        <w:keepNext/>
      </w:pPr>
      <w:r w:rsidRPr="009F300B">
        <w:rPr>
          <w:noProof/>
        </w:rPr>
        <w:drawing>
          <wp:inline distT="0" distB="0" distL="0" distR="0" wp14:anchorId="7B49F196" wp14:editId="2BBD6268">
            <wp:extent cx="6143416" cy="1807302"/>
            <wp:effectExtent l="38100" t="38100" r="29210" b="40640"/>
            <wp:docPr id="108958770" name="Afbeelding 1" descr="Afbeelding met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descr="Afbeelding met diagram, lijn&#10;&#10;Door AI gegenereerde inhoud is mogelijk onjuist."/>
                    <pic:cNvPicPr/>
                  </pic:nvPicPr>
                  <pic:blipFill>
                    <a:blip r:embed="rId32"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15F8A285" w14:textId="2A62D17A" w:rsidR="000320F9" w:rsidRDefault="000320F9" w:rsidP="00AE7295">
      <w:pPr>
        <w:pStyle w:val="Bijschrift"/>
      </w:pPr>
      <w:bookmarkStart w:id="61" w:name="_Ref194305982"/>
      <w:r>
        <w:t xml:space="preserve">figuur </w:t>
      </w:r>
      <w:fldSimple w:instr=" STYLEREF 1 \s ">
        <w:r w:rsidR="004A1B16">
          <w:rPr>
            <w:noProof/>
          </w:rPr>
          <w:t>3</w:t>
        </w:r>
      </w:fldSimple>
      <w:r w:rsidR="00675DAB">
        <w:noBreakHyphen/>
      </w:r>
      <w:fldSimple w:instr=" SEQ figuur \* ARABIC \s 1 ">
        <w:r w:rsidR="004A1B16">
          <w:rPr>
            <w:noProof/>
          </w:rPr>
          <w:t>9</w:t>
        </w:r>
      </w:fldSimple>
      <w:bookmarkEnd w:id="61"/>
      <w:r>
        <w:t>: Schematisering uniforme belasting - Voorbeeld: positie is de binnenkruin (BIK) en de richting is buitenwaarts</w:t>
      </w:r>
    </w:p>
    <w:p w14:paraId="7E7F78CB" w14:textId="77777777" w:rsidR="000320F9" w:rsidRDefault="000320F9" w:rsidP="000320F9">
      <w:pPr>
        <w:pStyle w:val="Plattetekst"/>
      </w:pPr>
    </w:p>
    <w:p w14:paraId="1F0D2B38" w14:textId="64B21C81" w:rsidR="0083475C" w:rsidRPr="0083475C" w:rsidRDefault="0083475C" w:rsidP="0083475C">
      <w:pPr>
        <w:pStyle w:val="Kop2"/>
      </w:pPr>
      <w:bookmarkStart w:id="62" w:name="_Toc203144496"/>
      <w:proofErr w:type="spellStart"/>
      <w:r>
        <w:t>Gridinstellingen</w:t>
      </w:r>
      <w:bookmarkEnd w:id="58"/>
      <w:bookmarkEnd w:id="62"/>
      <w:proofErr w:type="spellEnd"/>
    </w:p>
    <w:p w14:paraId="436921CC" w14:textId="2DCE85AF" w:rsidR="00C3513A" w:rsidRDefault="00B101D8" w:rsidP="00B6623A">
      <w:pPr>
        <w:pStyle w:val="Plattetekst"/>
      </w:pPr>
      <w:r>
        <w:t>In het tabblad “</w:t>
      </w:r>
      <w:proofErr w:type="spellStart"/>
      <w:r>
        <w:t>Gridinstellingen</w:t>
      </w:r>
      <w:proofErr w:type="spellEnd"/>
      <w:r>
        <w:t xml:space="preserve">”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63" w:name="_Toc203144497"/>
      <w:r>
        <w:t>Algemeen</w:t>
      </w:r>
      <w:bookmarkEnd w:id="63"/>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w:t>
      </w:r>
      <w:proofErr w:type="spellStart"/>
      <w:r w:rsidR="006B70C5">
        <w:t>Calculation</w:t>
      </w:r>
      <w:proofErr w:type="spellEnd"/>
      <w:r w:rsidR="006B70C5">
        <w:t>”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 xml:space="preserve">wordt de naam van de set met </w:t>
      </w:r>
      <w:proofErr w:type="spellStart"/>
      <w:r w:rsidR="00750A24">
        <w:t>gridinstellingen</w:t>
      </w:r>
      <w:proofErr w:type="spellEnd"/>
      <w:r w:rsidR="00750A24">
        <w:t xml:space="preserve">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 xml:space="preserve">‘Uplift Van’: Dit betreft Uplift Van </w:t>
      </w:r>
      <w:proofErr w:type="spellStart"/>
      <w:r>
        <w:t>Particle</w:t>
      </w:r>
      <w:proofErr w:type="spellEnd"/>
      <w:r>
        <w:t xml:space="preserve"> </w:t>
      </w:r>
      <w:proofErr w:type="spellStart"/>
      <w:r>
        <w:t>Swarm</w:t>
      </w:r>
      <w:proofErr w:type="spellEnd"/>
      <w:r>
        <w:t>;</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64" w:name="_Toc203144498"/>
      <w:r>
        <w:t>Bishop</w:t>
      </w:r>
      <w:bookmarkEnd w:id="64"/>
    </w:p>
    <w:p w14:paraId="06CB2BC2" w14:textId="5FACCDF4"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4A1B16">
        <w:t xml:space="preserve">figuur </w:t>
      </w:r>
      <w:r w:rsidR="004A1B16">
        <w:rPr>
          <w:noProof/>
        </w:rPr>
        <w:t>3</w:t>
      </w:r>
      <w:r w:rsidR="004A1B16">
        <w:noBreakHyphen/>
      </w:r>
      <w:r w:rsidR="004A1B16">
        <w:rPr>
          <w:noProof/>
        </w:rPr>
        <w:t>10</w:t>
      </w:r>
      <w:r>
        <w:fldChar w:fldCharType="end"/>
      </w:r>
      <w:r>
        <w:t xml:space="preserve"> is een voorbeeld </w:t>
      </w:r>
      <w:r w:rsidR="007E0C39">
        <w:t xml:space="preserve">van de plaatsing van een Bishop </w:t>
      </w:r>
      <w:proofErr w:type="spellStart"/>
      <w:r w:rsidR="007E0C39">
        <w:t>rekengrid</w:t>
      </w:r>
      <w:proofErr w:type="spellEnd"/>
      <w:r w:rsidR="007E0C39">
        <w:t xml:space="preserve">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w:t>
      </w:r>
      <w:proofErr w:type="spellStart"/>
      <w:r w:rsidR="004F30CA">
        <w:t>grid</w:t>
      </w:r>
      <w:proofErr w:type="spellEnd"/>
      <w:r w:rsidR="004F30CA">
        <w:t>”</w:t>
      </w:r>
      <w:r w:rsidR="003D0A69">
        <w:t xml:space="preserve"> wordt aangegeven welk karakteristiek punt</w:t>
      </w:r>
      <w:r w:rsidR="009F0F34">
        <w:t xml:space="preserve"> </w:t>
      </w:r>
      <w:r w:rsidR="00D70BAF">
        <w:t xml:space="preserve">als referentie dient voor het plaatsen van het </w:t>
      </w:r>
      <w:proofErr w:type="spellStart"/>
      <w:r w:rsidR="00D70BAF">
        <w:t>rekengrid</w:t>
      </w:r>
      <w:proofErr w:type="spellEnd"/>
      <w:r w:rsidR="00285786">
        <w:t>. In het voorbeeld is dit ‘Kruin binnentalud’.</w:t>
      </w:r>
    </w:p>
    <w:p w14:paraId="25164886" w14:textId="415CE2AC" w:rsidR="00285786" w:rsidRDefault="00285786" w:rsidP="002211F4">
      <w:pPr>
        <w:pStyle w:val="Plattetekst"/>
        <w:numPr>
          <w:ilvl w:val="0"/>
          <w:numId w:val="32"/>
        </w:numPr>
      </w:pPr>
      <w:r>
        <w:lastRenderedPageBreak/>
        <w:t xml:space="preserve">In de kolom “Richting” wordt aangegeven </w:t>
      </w:r>
      <w:r w:rsidR="002979F5">
        <w:t xml:space="preserve">in welke richting het </w:t>
      </w:r>
      <w:proofErr w:type="spellStart"/>
      <w:r w:rsidR="00FD36F6">
        <w:t>grid</w:t>
      </w:r>
      <w:proofErr w:type="spellEnd"/>
      <w:r w:rsidR="00FD36F6">
        <w:t xml:space="preserve"> wordt uitgezet. In het voorbeeld is dit ‘Binnenwaarts’. Het </w:t>
      </w:r>
      <w:proofErr w:type="spellStart"/>
      <w:r w:rsidR="00FD36F6">
        <w:t>grid</w:t>
      </w:r>
      <w:proofErr w:type="spellEnd"/>
      <w:r w:rsidR="00FD36F6">
        <w:t xml:space="preserve">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w:t>
      </w:r>
      <w:proofErr w:type="spellStart"/>
      <w:r>
        <w:t>grid</w:t>
      </w:r>
      <w:proofErr w:type="spellEnd"/>
      <w:r>
        <w:t xml:space="preserve"> horizontaal” wordt een </w:t>
      </w:r>
      <w:r w:rsidR="00C25280">
        <w:t xml:space="preserve">horizontale verplaatsing ten opzichte van “Positie </w:t>
      </w:r>
      <w:proofErr w:type="spellStart"/>
      <w:r w:rsidR="00C25280">
        <w:t>grid</w:t>
      </w:r>
      <w:proofErr w:type="spellEnd"/>
      <w:r w:rsidR="00C25280">
        <w:t xml:space="preserve">”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w:t>
      </w:r>
      <w:proofErr w:type="spellStart"/>
      <w:r>
        <w:t>grid</w:t>
      </w:r>
      <w:proofErr w:type="spellEnd"/>
      <w:r>
        <w:t xml:space="preserve"> verticaal” wordt een verticale verplaatsing ten opzichte van “</w:t>
      </w:r>
      <w:proofErr w:type="spellStart"/>
      <w:r>
        <w:t>Postitie</w:t>
      </w:r>
      <w:proofErr w:type="spellEnd"/>
      <w:r>
        <w:t xml:space="preserve"> </w:t>
      </w:r>
      <w:proofErr w:type="spellStart"/>
      <w:r>
        <w:t>grid</w:t>
      </w:r>
      <w:proofErr w:type="spellEnd"/>
      <w:r>
        <w:t xml:space="preserve">” opgegeven. De offset is </w:t>
      </w:r>
      <w:r w:rsidR="00AF4A4A">
        <w:t>opwaarts positief.</w:t>
      </w:r>
    </w:p>
    <w:p w14:paraId="33A5713D" w14:textId="0DD1DDA7" w:rsidR="00777D41" w:rsidRDefault="00777D41" w:rsidP="002211F4">
      <w:pPr>
        <w:pStyle w:val="Plattetekst"/>
        <w:numPr>
          <w:ilvl w:val="0"/>
          <w:numId w:val="32"/>
        </w:numPr>
      </w:pPr>
      <w:r>
        <w:t xml:space="preserve">De </w:t>
      </w:r>
      <w:proofErr w:type="spellStart"/>
      <w:r>
        <w:t>offsets</w:t>
      </w:r>
      <w:proofErr w:type="spellEnd"/>
      <w:r>
        <w:t xml:space="preserve"> </w:t>
      </w:r>
      <w:r w:rsidR="00043606">
        <w:t xml:space="preserve">worden toegepast vanaf “Positie </w:t>
      </w:r>
      <w:proofErr w:type="spellStart"/>
      <w:r w:rsidR="00043606">
        <w:t>grid</w:t>
      </w:r>
      <w:proofErr w:type="spellEnd"/>
      <w:r w:rsidR="00043606">
        <w:t xml:space="preserve">” tot de dichtstbijzijnde </w:t>
      </w:r>
      <w:r w:rsidR="006D13ED">
        <w:t xml:space="preserve">hoek aan de onderzijde van het </w:t>
      </w:r>
      <w:proofErr w:type="spellStart"/>
      <w:r w:rsidR="006D13ED">
        <w:t>grid</w:t>
      </w:r>
      <w:proofErr w:type="spellEnd"/>
      <w:r w:rsidR="00043606">
        <w:t xml:space="preserve">. In het voorbeeld is dit de </w:t>
      </w:r>
      <w:r w:rsidR="006D13ED">
        <w:t>rechterkant</w:t>
      </w:r>
      <w:r w:rsidR="00043606">
        <w:t xml:space="preserve"> van het </w:t>
      </w:r>
      <w:proofErr w:type="spellStart"/>
      <w:r w:rsidR="00043606">
        <w:t>grid</w:t>
      </w:r>
      <w:proofErr w:type="spellEnd"/>
      <w:r w:rsidR="00043606">
        <w:t xml:space="preserve">.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 xml:space="preserve">In de kolommen “Aantal </w:t>
      </w:r>
      <w:proofErr w:type="spellStart"/>
      <w:r>
        <w:t>gridpunten</w:t>
      </w:r>
      <w:proofErr w:type="spellEnd"/>
      <w:r>
        <w:t xml:space="preserve"> horizontaal” en “Aantal </w:t>
      </w:r>
      <w:proofErr w:type="spellStart"/>
      <w:r>
        <w:t>gridpunten</w:t>
      </w:r>
      <w:proofErr w:type="spellEnd"/>
      <w:r>
        <w:t xml:space="preserve"> verticaal” wordt opgeven hoeveel </w:t>
      </w:r>
      <w:proofErr w:type="spellStart"/>
      <w:r>
        <w:t>gridpunten</w:t>
      </w:r>
      <w:proofErr w:type="spellEnd"/>
      <w:r>
        <w:t xml:space="preserve"> er worden toegepast.</w:t>
      </w:r>
    </w:p>
    <w:p w14:paraId="71E7DAA6" w14:textId="54CC1577" w:rsidR="005F1E2E" w:rsidRDefault="005F1E2E" w:rsidP="002211F4">
      <w:pPr>
        <w:pStyle w:val="Plattetekst"/>
        <w:numPr>
          <w:ilvl w:val="0"/>
          <w:numId w:val="32"/>
        </w:numPr>
      </w:pPr>
      <w:r>
        <w:t xml:space="preserve">In de kolom “Dichtheid </w:t>
      </w:r>
      <w:proofErr w:type="spellStart"/>
      <w:r>
        <w:t>gridpunten</w:t>
      </w:r>
      <w:proofErr w:type="spellEnd"/>
      <w:r>
        <w:t xml:space="preserve">” wordt ingevuld hoeveel </w:t>
      </w:r>
      <w:proofErr w:type="spellStart"/>
      <w:r>
        <w:t>gridpunten</w:t>
      </w:r>
      <w:proofErr w:type="spellEnd"/>
      <w:r>
        <w:t xml:space="preserve"> er binnen een meter vallen.</w:t>
      </w:r>
    </w:p>
    <w:p w14:paraId="70D232D8" w14:textId="7A2A84C6" w:rsidR="005F1E2E" w:rsidRDefault="005F1E2E" w:rsidP="002211F4">
      <w:pPr>
        <w:pStyle w:val="Plattetekst"/>
        <w:numPr>
          <w:ilvl w:val="0"/>
          <w:numId w:val="32"/>
        </w:numPr>
      </w:pPr>
      <w:r>
        <w:t xml:space="preserve">De hoogte en de breedte van het </w:t>
      </w:r>
      <w:proofErr w:type="spellStart"/>
      <w:r>
        <w:t>grid</w:t>
      </w:r>
      <w:proofErr w:type="spellEnd"/>
      <w:r>
        <w:t xml:space="preserve"> worden bepaald door het aantal punten </w:t>
      </w:r>
      <w:r w:rsidR="000165A8">
        <w:t>en de dichtheid.</w:t>
      </w:r>
      <w:r w:rsidR="00776193">
        <w:t xml:space="preserve"> Een </w:t>
      </w:r>
      <w:proofErr w:type="spellStart"/>
      <w:r w:rsidR="00704283">
        <w:t>grid</w:t>
      </w:r>
      <w:proofErr w:type="spellEnd"/>
      <w:r w:rsidR="00704283">
        <w:t xml:space="preserve"> van 21 x 21 punten met een dichtheid van 2 punten per meter levert een </w:t>
      </w:r>
      <w:proofErr w:type="spellStart"/>
      <w:r w:rsidR="00704283">
        <w:t>grid</w:t>
      </w:r>
      <w:proofErr w:type="spellEnd"/>
      <w:r w:rsidR="00704283">
        <w:t xml:space="preserve">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 xml:space="preserve">Alleen de hoogte van het karakteristiek punt is relevant. De horizontale plaatsing van de tangentlijnen wordt namelijk bepaald door D-Stability op basis van het </w:t>
      </w:r>
      <w:proofErr w:type="spellStart"/>
      <w:r w:rsidR="00645C59">
        <w:t>grid</w:t>
      </w:r>
      <w:proofErr w:type="spellEnd"/>
      <w:r w:rsidR="00645C59">
        <w:t>.</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In de kolom “</w:t>
      </w:r>
      <w:proofErr w:type="spellStart"/>
      <w:r>
        <w:t>Grid</w:t>
      </w:r>
      <w:proofErr w:type="spellEnd"/>
      <w:r>
        <w:t xml:space="preserve"> verplaatsten” wordt opgegeven of D-Stability het </w:t>
      </w:r>
      <w:proofErr w:type="spellStart"/>
      <w:r>
        <w:t>rekengrid</w:t>
      </w:r>
      <w:proofErr w:type="spellEnd"/>
      <w:r>
        <w:t xml:space="preserve">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lastRenderedPageBreak/>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33"/>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7C646145" w:rsidR="00D02382" w:rsidRDefault="00850D42" w:rsidP="00AE7295">
      <w:pPr>
        <w:pStyle w:val="figuur"/>
      </w:pPr>
      <w:bookmarkStart w:id="65" w:name="_Ref194565032"/>
      <w:r>
        <w:t xml:space="preserve">figuur </w:t>
      </w:r>
      <w:fldSimple w:instr=" STYLEREF 1 \s ">
        <w:r w:rsidR="004A1B16">
          <w:rPr>
            <w:noProof/>
          </w:rPr>
          <w:t>3</w:t>
        </w:r>
      </w:fldSimple>
      <w:r w:rsidR="00675DAB">
        <w:noBreakHyphen/>
      </w:r>
      <w:fldSimple w:instr=" SEQ figuur \* ARABIC \s 1 ">
        <w:r w:rsidR="004A1B16">
          <w:rPr>
            <w:noProof/>
          </w:rPr>
          <w:t>10</w:t>
        </w:r>
      </w:fldSimple>
      <w:bookmarkEnd w:id="65"/>
      <w:r>
        <w:t xml:space="preserve">: Voorbeeld </w:t>
      </w:r>
      <w:proofErr w:type="spellStart"/>
      <w:r>
        <w:t>gridinstellingen</w:t>
      </w:r>
      <w:proofErr w:type="spellEnd"/>
      <w:r>
        <w:t xml:space="preserve">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66" w:name="_Toc203144499"/>
      <w:r>
        <w:t>Uplift Van</w:t>
      </w:r>
      <w:bookmarkEnd w:id="66"/>
    </w:p>
    <w:p w14:paraId="2A102558" w14:textId="37CF432C" w:rsidR="00F837FF" w:rsidRDefault="00F80F36" w:rsidP="00B6623A">
      <w:pPr>
        <w:pStyle w:val="Plattetekst"/>
      </w:pPr>
      <w:r>
        <w:t xml:space="preserve">De plaatsing van de </w:t>
      </w:r>
      <w:proofErr w:type="spellStart"/>
      <w:r>
        <w:t>rekengrids</w:t>
      </w:r>
      <w:proofErr w:type="spellEnd"/>
      <w:r>
        <w:t xml:space="preserve"> voor Uplift Van gaat </w:t>
      </w:r>
      <w:r w:rsidR="002C70C7">
        <w:t xml:space="preserve">grotendeels op dezelfde </w:t>
      </w:r>
      <w:r>
        <w:t xml:space="preserve">manier als bij het Bishop </w:t>
      </w:r>
      <w:proofErr w:type="spellStart"/>
      <w:r>
        <w:t>rekengrid</w:t>
      </w:r>
      <w:proofErr w:type="spellEnd"/>
      <w:r>
        <w:t xml:space="preserve">, toegelicht in de vorige paragraaf. </w:t>
      </w:r>
      <w:r w:rsidR="00063D75">
        <w:t>Met uitzondering van onderstaande:</w:t>
      </w:r>
    </w:p>
    <w:p w14:paraId="5AC5B262" w14:textId="35308F80" w:rsidR="00CA5A71" w:rsidRDefault="00CA5A71" w:rsidP="00063D75">
      <w:pPr>
        <w:pStyle w:val="Plattetekst"/>
        <w:numPr>
          <w:ilvl w:val="0"/>
          <w:numId w:val="33"/>
        </w:numPr>
      </w:pPr>
      <w:r>
        <w:t xml:space="preserve">Uplift Van gebruikt twee </w:t>
      </w:r>
      <w:proofErr w:type="spellStart"/>
      <w:r>
        <w:t>rekengrids</w:t>
      </w:r>
      <w:proofErr w:type="spellEnd"/>
      <w:r>
        <w:t xml:space="preserve">, de instellingen voor de plaatsing van de </w:t>
      </w:r>
      <w:proofErr w:type="spellStart"/>
      <w:r>
        <w:t>grids</w:t>
      </w:r>
      <w:proofErr w:type="spellEnd"/>
      <w:r>
        <w:t xml:space="preserve">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w:t>
      </w:r>
      <w:proofErr w:type="spellStart"/>
      <w:r>
        <w:t>gridpunten</w:t>
      </w:r>
      <w:proofErr w:type="spellEnd"/>
      <w:r>
        <w:t xml:space="preserve">. </w:t>
      </w:r>
      <w:r w:rsidR="00CA5A71">
        <w:t xml:space="preserve">Voor de </w:t>
      </w:r>
      <w:proofErr w:type="spellStart"/>
      <w:r w:rsidR="00CA5A71">
        <w:t>grids</w:t>
      </w:r>
      <w:proofErr w:type="spellEnd"/>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t xml:space="preserve">In de kolom “Zoekmodus” </w:t>
      </w:r>
      <w:r w:rsidR="00043742">
        <w:t>wordt de D-Stability rekeninstelling “Search Mode” opgegeven.</w:t>
      </w:r>
      <w:r w:rsidR="003F0046">
        <w:t xml:space="preserve"> Net als in D-Stability kan gekozen worden voor ‘</w:t>
      </w:r>
      <w:proofErr w:type="spellStart"/>
      <w:r w:rsidR="003F0046">
        <w:t>Thorough</w:t>
      </w:r>
      <w:proofErr w:type="spellEnd"/>
      <w:r w:rsidR="003F0046">
        <w:t>’ en ‘</w:t>
      </w:r>
      <w:proofErr w:type="spellStart"/>
      <w:r w:rsidR="003F0046">
        <w:t>Normal</w:t>
      </w:r>
      <w:proofErr w:type="spellEnd"/>
      <w:r w:rsidR="003F0046">
        <w:t>’.</w:t>
      </w:r>
    </w:p>
    <w:p w14:paraId="339D43DE" w14:textId="77777777" w:rsidR="00396C3E" w:rsidRDefault="00396C3E" w:rsidP="00396C3E">
      <w:pPr>
        <w:pStyle w:val="Plattetekst"/>
      </w:pPr>
    </w:p>
    <w:p w14:paraId="721124E6" w14:textId="70A46EF2" w:rsidR="00396C3E" w:rsidRDefault="001E7B1A" w:rsidP="00396C3E">
      <w:pPr>
        <w:pStyle w:val="Kop3"/>
      </w:pPr>
      <w:bookmarkStart w:id="67" w:name="_Toc203144500"/>
      <w:r>
        <w:t>Randvoorwaardes glijvlak</w:t>
      </w:r>
      <w:bookmarkEnd w:id="67"/>
    </w:p>
    <w:p w14:paraId="300F944F" w14:textId="03E5D180"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4A1B16">
        <w:t xml:space="preserve">figuur </w:t>
      </w:r>
      <w:r w:rsidR="004A1B16">
        <w:rPr>
          <w:noProof/>
        </w:rPr>
        <w:t>3</w:t>
      </w:r>
      <w:r w:rsidR="004A1B16">
        <w:noBreakHyphen/>
      </w:r>
      <w:r w:rsidR="004A1B16">
        <w:rPr>
          <w:noProof/>
        </w:rPr>
        <w:t>11</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lastRenderedPageBreak/>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4"/>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1BB60B3F" w:rsidR="00B739C7" w:rsidRPr="001E7B1A" w:rsidRDefault="001A763E" w:rsidP="00AE7295">
      <w:pPr>
        <w:pStyle w:val="figuur"/>
      </w:pPr>
      <w:bookmarkStart w:id="68" w:name="_Ref194567882"/>
      <w:r>
        <w:t xml:space="preserve">figuur </w:t>
      </w:r>
      <w:fldSimple w:instr=" STYLEREF 1 \s ">
        <w:r w:rsidR="004A1B16">
          <w:rPr>
            <w:noProof/>
          </w:rPr>
          <w:t>3</w:t>
        </w:r>
      </w:fldSimple>
      <w:r w:rsidR="00675DAB">
        <w:noBreakHyphen/>
      </w:r>
      <w:fldSimple w:instr=" SEQ figuur \* ARABIC \s 1 ">
        <w:r w:rsidR="004A1B16">
          <w:rPr>
            <w:noProof/>
          </w:rPr>
          <w:t>11</w:t>
        </w:r>
      </w:fldSimple>
      <w:bookmarkEnd w:id="68"/>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69" w:name="_Ref194060431"/>
      <w:bookmarkStart w:id="70" w:name="_Toc203144501"/>
      <w:r>
        <w:t>Berekeningen</w:t>
      </w:r>
      <w:bookmarkEnd w:id="69"/>
      <w:bookmarkEnd w:id="70"/>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33900538"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4A1B16">
        <w:t xml:space="preserve">figuur </w:t>
      </w:r>
      <w:r w:rsidR="004A1B16">
        <w:rPr>
          <w:noProof/>
        </w:rPr>
        <w:t>3</w:t>
      </w:r>
      <w:r w:rsidR="004A1B16">
        <w:noBreakHyphen/>
      </w:r>
      <w:r w:rsidR="004A1B16">
        <w:rPr>
          <w:noProof/>
        </w:rPr>
        <w:t>12</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lastRenderedPageBreak/>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5"/>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14EFC230" w:rsidR="00AC64DE" w:rsidRDefault="00AC64DE" w:rsidP="002C6499">
      <w:pPr>
        <w:pStyle w:val="figuur"/>
        <w:ind w:left="426"/>
      </w:pPr>
      <w:bookmarkStart w:id="71" w:name="_Ref194393542"/>
      <w:r>
        <w:t xml:space="preserve">figuur </w:t>
      </w:r>
      <w:fldSimple w:instr=" STYLEREF 1 \s ">
        <w:r w:rsidR="004A1B16">
          <w:rPr>
            <w:noProof/>
          </w:rPr>
          <w:t>3</w:t>
        </w:r>
      </w:fldSimple>
      <w:r w:rsidR="00675DAB">
        <w:noBreakHyphen/>
      </w:r>
      <w:fldSimple w:instr=" SEQ figuur \* ARABIC \s 1 ">
        <w:r w:rsidR="004A1B16">
          <w:rPr>
            <w:noProof/>
          </w:rPr>
          <w:t>12</w:t>
        </w:r>
      </w:fldSimple>
      <w:bookmarkEnd w:id="71"/>
      <w:r>
        <w:t>: Voorbeeld van berekening met twee scenario's</w:t>
      </w:r>
    </w:p>
    <w:p w14:paraId="1BF3E8D4" w14:textId="24374A93"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4A1B16">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32BDFBC6"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4A1B16">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4A1B16">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72" w:name="_Toc203144502"/>
      <w:r>
        <w:lastRenderedPageBreak/>
        <w:t>Technische documentatie</w:t>
      </w:r>
      <w:bookmarkEnd w:id="72"/>
    </w:p>
    <w:p w14:paraId="2D1A630C" w14:textId="77777777" w:rsidR="007311C2" w:rsidRDefault="007311C2" w:rsidP="007311C2">
      <w:pPr>
        <w:pStyle w:val="Kop2"/>
      </w:pPr>
      <w:bookmarkStart w:id="73" w:name="_Ref194056495"/>
      <w:bookmarkStart w:id="74" w:name="_Ref194059631"/>
      <w:bookmarkStart w:id="75" w:name="_Toc203144503"/>
      <w:r>
        <w:t>Geometrie</w:t>
      </w:r>
      <w:bookmarkEnd w:id="75"/>
    </w:p>
    <w:p w14:paraId="685697BA" w14:textId="77777777" w:rsidR="007311C2" w:rsidRDefault="007311C2" w:rsidP="006905F1">
      <w:pPr>
        <w:pStyle w:val="Kop3"/>
      </w:pPr>
      <w:bookmarkStart w:id="76" w:name="_Toc203144504"/>
      <w:r>
        <w:t>Het L-coördinaat</w:t>
      </w:r>
      <w:bookmarkEnd w:id="76"/>
    </w:p>
    <w:p w14:paraId="5D07A8A3" w14:textId="7D30AD80" w:rsidR="007311C2" w:rsidRPr="00322AFF" w:rsidRDefault="007311C2" w:rsidP="007311C2">
      <w:pPr>
        <w:pStyle w:val="Plattetekst"/>
        <w:rPr>
          <w:highlight w:val="yellow"/>
        </w:rPr>
      </w:pPr>
      <w:r w:rsidRPr="00322AFF">
        <w:rPr>
          <w:highlight w:val="yellow"/>
        </w:rPr>
        <w:t>Het opstellen van een dwarsprofiel gebeurt veelal met behulp van het AHN in combinatie met een dwarsprofiellijn. Dit resulteert in een set aan punten met een X-, Y-, en Z-waarde. Waarbij de X en Y de RD</w:t>
      </w:r>
      <w:r w:rsidRPr="00322AFF">
        <w:rPr>
          <w:highlight w:val="yellow"/>
        </w:rP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w:t>
      </w:r>
      <w:proofErr w:type="spellStart"/>
      <w:r w:rsidRPr="00322AFF">
        <w:rPr>
          <w:highlight w:val="yellow"/>
        </w:rPr>
        <w:t>L-as</w:t>
      </w:r>
      <w:proofErr w:type="spellEnd"/>
      <w:r w:rsidRPr="00322AFF">
        <w:rPr>
          <w:highlight w:val="yellow"/>
        </w:rPr>
        <w:t xml:space="preserve"> zijn gegeven in paragraaf </w:t>
      </w:r>
      <w:r w:rsidRPr="00322AFF">
        <w:rPr>
          <w:highlight w:val="yellow"/>
        </w:rPr>
        <w:fldChar w:fldCharType="begin"/>
      </w:r>
      <w:r w:rsidRPr="00322AFF">
        <w:rPr>
          <w:highlight w:val="yellow"/>
        </w:rPr>
        <w:instrText xml:space="preserve"> REF _Ref194056495 \n \h </w:instrText>
      </w:r>
      <w:r w:rsidRPr="00322AFF">
        <w:rPr>
          <w:highlight w:val="yellow"/>
        </w:rPr>
      </w:r>
      <w:r w:rsidR="00322AFF">
        <w:rPr>
          <w:highlight w:val="yellow"/>
        </w:rPr>
        <w:instrText xml:space="preserve"> \* MERGEFORMAT </w:instrText>
      </w:r>
      <w:r w:rsidRPr="00322AFF">
        <w:rPr>
          <w:highlight w:val="yellow"/>
        </w:rPr>
        <w:fldChar w:fldCharType="separate"/>
      </w:r>
      <w:r w:rsidR="004A1B16">
        <w:rPr>
          <w:highlight w:val="yellow"/>
        </w:rPr>
        <w:t>4.1</w:t>
      </w:r>
      <w:r w:rsidRPr="00322AFF">
        <w:rPr>
          <w:highlight w:val="yellow"/>
        </w:rPr>
        <w:fldChar w:fldCharType="end"/>
      </w:r>
      <w:r w:rsidRPr="00322AFF">
        <w:rPr>
          <w:highlight w:val="yellow"/>
        </w:rPr>
        <w:t>.</w:t>
      </w:r>
    </w:p>
    <w:p w14:paraId="09DD6EE7" w14:textId="77777777" w:rsidR="007311C2" w:rsidRPr="00322AFF" w:rsidRDefault="007311C2" w:rsidP="007311C2">
      <w:pPr>
        <w:pStyle w:val="Plattetekst"/>
        <w:rPr>
          <w:highlight w:val="yellow"/>
        </w:rPr>
      </w:pPr>
    </w:p>
    <w:bookmarkEnd w:id="73"/>
    <w:bookmarkEnd w:id="74"/>
    <w:p w14:paraId="7AFF7F21" w14:textId="0CC375B0" w:rsidR="002C4FE4" w:rsidRPr="00322AFF" w:rsidRDefault="002C4FE4" w:rsidP="00BB4B84">
      <w:pPr>
        <w:pStyle w:val="Plattetekst"/>
        <w:numPr>
          <w:ilvl w:val="0"/>
          <w:numId w:val="16"/>
        </w:numPr>
        <w:rPr>
          <w:highlight w:val="yellow"/>
        </w:rPr>
      </w:pPr>
      <w:r w:rsidRPr="00322AFF">
        <w:rPr>
          <w:highlight w:val="yellow"/>
        </w:rPr>
        <w:t>Berekenen l-coördinaat</w:t>
      </w:r>
      <w:r w:rsidR="00554C05" w:rsidRPr="00322AFF">
        <w:rPr>
          <w:highlight w:val="yellow"/>
        </w:rPr>
        <w:t>, hanteren nulpunt, buitenwater rechts/links</w:t>
      </w:r>
    </w:p>
    <w:p w14:paraId="6E8A2AED" w14:textId="77777777" w:rsidR="00EE4D55" w:rsidRPr="00322AFF" w:rsidRDefault="00EE4D55" w:rsidP="00EE4D55">
      <w:pPr>
        <w:pStyle w:val="Plattetekst"/>
        <w:rPr>
          <w:highlight w:val="yellow"/>
        </w:rPr>
      </w:pPr>
    </w:p>
    <w:p w14:paraId="013F9755" w14:textId="77777777" w:rsidR="007311C2" w:rsidRPr="00322AFF" w:rsidRDefault="007311C2" w:rsidP="007311C2">
      <w:pPr>
        <w:pStyle w:val="Kop2"/>
        <w:rPr>
          <w:highlight w:val="yellow"/>
        </w:rPr>
      </w:pPr>
      <w:bookmarkStart w:id="77" w:name="_Toc203144505"/>
      <w:r w:rsidRPr="00322AFF">
        <w:rPr>
          <w:highlight w:val="yellow"/>
        </w:rPr>
        <w:t>Bodemopbouw</w:t>
      </w:r>
      <w:bookmarkEnd w:id="77"/>
    </w:p>
    <w:p w14:paraId="7F9D4C40" w14:textId="77777777" w:rsidR="007311C2" w:rsidRPr="00322AFF" w:rsidRDefault="007311C2" w:rsidP="007311C2">
      <w:pPr>
        <w:pStyle w:val="Plattetekst"/>
        <w:numPr>
          <w:ilvl w:val="0"/>
          <w:numId w:val="15"/>
        </w:numPr>
        <w:rPr>
          <w:highlight w:val="yellow"/>
        </w:rPr>
      </w:pPr>
      <w:r w:rsidRPr="00322AFF">
        <w:rPr>
          <w:highlight w:val="yellow"/>
        </w:rPr>
        <w:t>Bodemprofiel vs. bodemopbouw</w:t>
      </w:r>
    </w:p>
    <w:p w14:paraId="5083322E" w14:textId="77777777" w:rsidR="007311C2" w:rsidRPr="00322AFF" w:rsidRDefault="007311C2" w:rsidP="007311C2">
      <w:pPr>
        <w:pStyle w:val="Plattetekst"/>
        <w:rPr>
          <w:highlight w:val="yellow"/>
        </w:rPr>
      </w:pPr>
    </w:p>
    <w:p w14:paraId="1F470042" w14:textId="3E24A50F" w:rsidR="00EE4D55" w:rsidRPr="00322AFF" w:rsidRDefault="00EE4D55" w:rsidP="00EE4D55">
      <w:pPr>
        <w:pStyle w:val="Plattetekst"/>
        <w:rPr>
          <w:highlight w:val="yellow"/>
        </w:rPr>
      </w:pPr>
      <w:r w:rsidRPr="00322AFF">
        <w:rPr>
          <w:highlight w:val="yellow"/>
        </w:rPr>
        <w:t>Plaatje van ondergrond en l-coördinaten</w:t>
      </w:r>
    </w:p>
    <w:p w14:paraId="49B07A4E" w14:textId="587F76F8" w:rsidR="002C4FE4" w:rsidRPr="00322AFF" w:rsidRDefault="002C4FE4" w:rsidP="00554C05">
      <w:pPr>
        <w:pStyle w:val="Plattetekst"/>
        <w:rPr>
          <w:highlight w:val="yellow"/>
        </w:rPr>
      </w:pPr>
    </w:p>
    <w:p w14:paraId="3D629C11" w14:textId="562772E1" w:rsidR="00E5678A" w:rsidRPr="00322AFF" w:rsidRDefault="00BD5CEE" w:rsidP="00BD5CEE">
      <w:pPr>
        <w:pStyle w:val="Kop2"/>
        <w:rPr>
          <w:highlight w:val="yellow"/>
        </w:rPr>
      </w:pPr>
      <w:bookmarkStart w:id="78" w:name="_Ref199164374"/>
      <w:bookmarkStart w:id="79" w:name="_Toc203144506"/>
      <w:r w:rsidRPr="00322AFF">
        <w:rPr>
          <w:highlight w:val="yellow"/>
        </w:rPr>
        <w:t>Waterspanningen</w:t>
      </w:r>
      <w:bookmarkEnd w:id="78"/>
      <w:bookmarkEnd w:id="79"/>
    </w:p>
    <w:p w14:paraId="033A6977" w14:textId="77777777" w:rsidR="00E5678A" w:rsidRPr="00322AFF" w:rsidRDefault="00E5678A" w:rsidP="00554C05">
      <w:pPr>
        <w:pStyle w:val="Plattetekst"/>
        <w:rPr>
          <w:highlight w:val="yellow"/>
        </w:rPr>
      </w:pPr>
    </w:p>
    <w:p w14:paraId="7CA79C4A" w14:textId="77777777" w:rsidR="008151B2" w:rsidRPr="00322AFF" w:rsidRDefault="008151B2" w:rsidP="008151B2">
      <w:pPr>
        <w:pStyle w:val="Kop3"/>
        <w:rPr>
          <w:highlight w:val="yellow"/>
        </w:rPr>
      </w:pPr>
      <w:bookmarkStart w:id="80" w:name="_Ref203144321"/>
      <w:bookmarkStart w:id="81" w:name="_Toc203144507"/>
      <w:r w:rsidRPr="00322AFF">
        <w:rPr>
          <w:highlight w:val="yellow"/>
        </w:rPr>
        <w:t>Offset methode</w:t>
      </w:r>
      <w:bookmarkEnd w:id="80"/>
      <w:bookmarkEnd w:id="81"/>
    </w:p>
    <w:p w14:paraId="4523CFAC" w14:textId="77777777" w:rsidR="008151B2" w:rsidRPr="00322AFF" w:rsidRDefault="008151B2" w:rsidP="008151B2">
      <w:pPr>
        <w:pStyle w:val="Plattetekst"/>
        <w:numPr>
          <w:ilvl w:val="0"/>
          <w:numId w:val="15"/>
        </w:numPr>
        <w:rPr>
          <w:highlight w:val="yellow"/>
        </w:rPr>
      </w:pPr>
      <w:r w:rsidRPr="00322AFF">
        <w:rPr>
          <w:highlight w:val="yellow"/>
        </w:rPr>
        <w:t>Alle karakteristieke punten zijn te gebruiken. Als voor een profiel een karakteristiek punt ontbreekt dan wordt deze genegeerd.</w:t>
      </w:r>
    </w:p>
    <w:p w14:paraId="09E2DF04" w14:textId="77777777" w:rsidR="008151B2" w:rsidRPr="00322AFF" w:rsidRDefault="008151B2" w:rsidP="008151B2">
      <w:pPr>
        <w:pStyle w:val="Plattetekst"/>
        <w:numPr>
          <w:ilvl w:val="0"/>
          <w:numId w:val="15"/>
        </w:numPr>
        <w:rPr>
          <w:highlight w:val="yellow"/>
        </w:rPr>
      </w:pPr>
      <w:r w:rsidRPr="00322AFF">
        <w:rPr>
          <w:highlight w:val="yellow"/>
        </w:rPr>
        <w:t>Bij het genereren van de waterstanden en stijghoogtes wordt altijd gewerkt van buitenwaarts naar binnenwaarts. Het opgeven van “Verhang t.o.v. voorgaand punt” is daarmee het eerste beschikbare punt aan de buitenwaartse zijde van het punt waarvoor dit is ingevoerd.</w:t>
      </w:r>
    </w:p>
    <w:p w14:paraId="5F9254A6" w14:textId="77777777" w:rsidR="008151B2" w:rsidRPr="00322AFF" w:rsidRDefault="008151B2" w:rsidP="008151B2">
      <w:pPr>
        <w:pStyle w:val="Plattetekst"/>
        <w:rPr>
          <w:highlight w:val="yellow"/>
        </w:rPr>
      </w:pPr>
    </w:p>
    <w:p w14:paraId="0BC646FD" w14:textId="77777777" w:rsidR="008151B2" w:rsidRPr="00322AFF" w:rsidRDefault="008151B2" w:rsidP="008151B2">
      <w:pPr>
        <w:pStyle w:val="Plattetekst"/>
        <w:rPr>
          <w:b/>
          <w:bCs/>
          <w:highlight w:val="yellow"/>
        </w:rPr>
      </w:pPr>
      <w:r w:rsidRPr="00322AFF">
        <w:rPr>
          <w:b/>
          <w:bCs/>
          <w:highlight w:val="yellow"/>
        </w:rPr>
        <w:t>Verhang t.o.v. voorgaand punt</w:t>
      </w:r>
    </w:p>
    <w:p w14:paraId="509E13DA" w14:textId="77777777" w:rsidR="008151B2" w:rsidRPr="00322AFF" w:rsidRDefault="008151B2" w:rsidP="008151B2">
      <w:pPr>
        <w:pStyle w:val="Plattetekst"/>
        <w:numPr>
          <w:ilvl w:val="0"/>
          <w:numId w:val="35"/>
        </w:numPr>
        <w:rPr>
          <w:highlight w:val="yellow"/>
        </w:rPr>
      </w:pPr>
      <w:r w:rsidRPr="00322AFF">
        <w:rPr>
          <w:highlight w:val="yellow"/>
        </w:rPr>
        <w:t>Positief is neerwaarts. Op te geven waarde is X, helling is 1:X.</w:t>
      </w:r>
    </w:p>
    <w:p w14:paraId="6B45523F" w14:textId="77777777" w:rsidR="008151B2" w:rsidRDefault="008151B2" w:rsidP="008151B2">
      <w:pPr>
        <w:pStyle w:val="Plattetekst"/>
      </w:pPr>
    </w:p>
    <w:p w14:paraId="3FF67DF6" w14:textId="77777777" w:rsidR="008151B2" w:rsidRDefault="008151B2" w:rsidP="008151B2">
      <w:pPr>
        <w:pStyle w:val="Kop3"/>
      </w:pPr>
      <w:bookmarkStart w:id="82" w:name="_Toc203144508"/>
      <w:r>
        <w:t>Freatische lijn</w:t>
      </w:r>
      <w:bookmarkEnd w:id="82"/>
    </w:p>
    <w:p w14:paraId="5E72B272" w14:textId="7BA01027" w:rsidR="005E5198" w:rsidRDefault="005E5198" w:rsidP="00C37AD3">
      <w:pPr>
        <w:pStyle w:val="Plattetekst"/>
      </w:pPr>
      <w:r>
        <w:t xml:space="preserve">Bij het opstellen van de freatische lijn worden een aantal </w:t>
      </w:r>
      <w:r w:rsidR="00943BE2">
        <w:t>aanpassingen</w:t>
      </w:r>
      <w:r>
        <w:t xml:space="preserve"> uitgevoerd:</w:t>
      </w:r>
    </w:p>
    <w:p w14:paraId="0BCC556C" w14:textId="1A278EE5" w:rsidR="00291776" w:rsidRDefault="00291776" w:rsidP="005E5198">
      <w:pPr>
        <w:pStyle w:val="Plattetekst"/>
        <w:numPr>
          <w:ilvl w:val="0"/>
          <w:numId w:val="35"/>
        </w:numPr>
      </w:pPr>
      <w:r>
        <w:t>Correctie voor open water</w:t>
      </w:r>
      <w:r w:rsidR="00943BE2">
        <w:t>.</w:t>
      </w:r>
    </w:p>
    <w:p w14:paraId="5305F67D" w14:textId="28A2B1EE" w:rsidR="00291776" w:rsidRDefault="00291776" w:rsidP="005E5198">
      <w:pPr>
        <w:pStyle w:val="Plattetekst"/>
        <w:numPr>
          <w:ilvl w:val="0"/>
          <w:numId w:val="35"/>
        </w:numPr>
      </w:pPr>
      <w:r>
        <w:t>Toepassing offset met maaiveld (</w:t>
      </w:r>
      <w:r w:rsidR="00477617">
        <w:t xml:space="preserve">optioneel indien opgegeven, zie hiervoor paragraaf </w:t>
      </w:r>
      <w:r w:rsidR="00943BE2">
        <w:fldChar w:fldCharType="begin"/>
      </w:r>
      <w:r w:rsidR="00943BE2">
        <w:instrText xml:space="preserve"> REF _Ref203138518 \n \h </w:instrText>
      </w:r>
      <w:r w:rsidR="00943BE2">
        <w:fldChar w:fldCharType="separate"/>
      </w:r>
      <w:r w:rsidR="004A1B16">
        <w:t>3.10</w:t>
      </w:r>
      <w:r w:rsidR="00943BE2">
        <w:fldChar w:fldCharType="end"/>
      </w:r>
      <w:r w:rsidR="00943BE2">
        <w:t>).</w:t>
      </w:r>
    </w:p>
    <w:p w14:paraId="554D5EA3" w14:textId="77777777" w:rsidR="00943BE2" w:rsidRDefault="00943BE2" w:rsidP="00943BE2">
      <w:pPr>
        <w:pStyle w:val="Plattetekst"/>
      </w:pPr>
    </w:p>
    <w:p w14:paraId="590E8E2C" w14:textId="371F74ED" w:rsidR="00943BE2" w:rsidRDefault="00943BE2" w:rsidP="00943BE2">
      <w:pPr>
        <w:pStyle w:val="Plattetekst"/>
      </w:pPr>
      <w:r>
        <w:t>Deze aanpassingen zijn in onderstaande paragrafen toegelicht.</w:t>
      </w:r>
    </w:p>
    <w:p w14:paraId="128DD57D" w14:textId="77777777" w:rsidR="00D073E3" w:rsidRPr="00C37AD3" w:rsidRDefault="00D073E3" w:rsidP="00C37AD3">
      <w:pPr>
        <w:pStyle w:val="Plattetekst"/>
      </w:pPr>
    </w:p>
    <w:p w14:paraId="6E4B25F9" w14:textId="77777777" w:rsidR="008151B2" w:rsidRDefault="008151B2" w:rsidP="008151B2">
      <w:pPr>
        <w:pStyle w:val="Kop4"/>
      </w:pPr>
      <w:r>
        <w:t>Open water</w:t>
      </w:r>
    </w:p>
    <w:p w14:paraId="2A6BED4A" w14:textId="66FD2BB8" w:rsidR="00A2361F" w:rsidRDefault="00943BE2" w:rsidP="00A2361F">
      <w:pPr>
        <w:pStyle w:val="Plattetekst"/>
      </w:pPr>
      <w:r>
        <w:t>Wanneer</w:t>
      </w:r>
      <w:r w:rsidR="005B39B2">
        <w:t xml:space="preserve"> de freatische lijn </w:t>
      </w:r>
      <w:r>
        <w:t>aan de binnenwaartse of buitenwaartse grens van de berekening</w:t>
      </w:r>
      <w:r w:rsidR="005B39B2">
        <w:t xml:space="preserve"> hoger is dan het maaiveld, dan is er sprake van open water.</w:t>
      </w:r>
      <w:r w:rsidR="009A3EA1">
        <w:t xml:space="preserve"> </w:t>
      </w:r>
      <w:r w:rsidR="00B6382C">
        <w:t xml:space="preserve">Vanuit de gehanteerde offset methode </w:t>
      </w:r>
      <w:r w:rsidR="000822F3">
        <w:t>i</w:t>
      </w:r>
      <w:r w:rsidR="00F326F3">
        <w:t xml:space="preserve">s er </w:t>
      </w:r>
      <w:r w:rsidR="00310F51">
        <w:t>mogelijk geen</w:t>
      </w:r>
      <w:r w:rsidR="003434F6">
        <w:t xml:space="preserve"> horizontaal verloop van het open</w:t>
      </w:r>
      <w:r w:rsidR="00310F51">
        <w:t xml:space="preserve"> water</w:t>
      </w:r>
      <w:r w:rsidR="003434F6">
        <w:t>.</w:t>
      </w:r>
      <w:r w:rsidR="00A0717C">
        <w:t xml:space="preserve"> </w:t>
      </w:r>
      <w:r w:rsidR="008A2132">
        <w:t xml:space="preserve">In het geval open water wordt er een snijpunt van de open waterstand met het profiel bepaald en wordt op deze locatie een punt </w:t>
      </w:r>
      <w:r w:rsidR="00B01B06">
        <w:t xml:space="preserve">ter hoogte van de waterstand </w:t>
      </w:r>
      <w:r w:rsidR="008A2132">
        <w:t>op de freatische lijn toegevoegd</w:t>
      </w:r>
      <w:r w:rsidR="00B01B06">
        <w:t xml:space="preserve">. Zo ontstaat een horizontale waterspiegel. Het bepalen van de snijpunten is onderstaand per zijde toegelicht. In </w:t>
      </w:r>
      <w:r w:rsidR="00B01B06">
        <w:fldChar w:fldCharType="begin"/>
      </w:r>
      <w:r w:rsidR="00B01B06">
        <w:instrText xml:space="preserve"> REF _Ref203139511 \h </w:instrText>
      </w:r>
      <w:r w:rsidR="00B01B06">
        <w:fldChar w:fldCharType="separate"/>
      </w:r>
      <w:r w:rsidR="004A1B16">
        <w:t xml:space="preserve">figuur </w:t>
      </w:r>
      <w:r w:rsidR="004A1B16">
        <w:rPr>
          <w:noProof/>
        </w:rPr>
        <w:t>4</w:t>
      </w:r>
      <w:r w:rsidR="004A1B16">
        <w:noBreakHyphen/>
      </w:r>
      <w:r w:rsidR="004A1B16">
        <w:rPr>
          <w:noProof/>
        </w:rPr>
        <w:t>1</w:t>
      </w:r>
      <w:r w:rsidR="00B01B06">
        <w:fldChar w:fldCharType="end"/>
      </w:r>
      <w:r w:rsidR="00B01B06">
        <w:t xml:space="preserve"> is een voorbeeld gepresenteerd. De </w:t>
      </w:r>
      <w:r w:rsidR="00513F7B">
        <w:t>open water zones zijn in het grijs weergegeven. De snijpunten met het profiel zijn met een rood kruis aangegeven.</w:t>
      </w:r>
    </w:p>
    <w:p w14:paraId="03C1F630" w14:textId="77777777" w:rsidR="00A2361F" w:rsidRPr="00A2361F" w:rsidRDefault="00A2361F" w:rsidP="00A2361F">
      <w:pPr>
        <w:pStyle w:val="Plattetekst"/>
      </w:pPr>
    </w:p>
    <w:p w14:paraId="53FCB8F7" w14:textId="77777777" w:rsidR="008151B2" w:rsidRDefault="008151B2" w:rsidP="00513F7B">
      <w:pPr>
        <w:pStyle w:val="Plattetekst"/>
        <w:keepNext/>
        <w:rPr>
          <w:b/>
          <w:bCs/>
        </w:rPr>
      </w:pPr>
      <w:r>
        <w:rPr>
          <w:b/>
          <w:bCs/>
        </w:rPr>
        <w:lastRenderedPageBreak/>
        <w:t>Snijpunt waterstand met buitentalud</w:t>
      </w:r>
    </w:p>
    <w:p w14:paraId="2150D125" w14:textId="55ADF7EF" w:rsidR="008151B2" w:rsidRDefault="008151B2" w:rsidP="00E44CB0">
      <w:pPr>
        <w:pStyle w:val="Plattetekst"/>
        <w:keepNext/>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w:t>
      </w:r>
      <w:r w:rsidR="008428A4">
        <w:t>‘</w:t>
      </w:r>
      <w:r>
        <w:t>Kruin buitentalud</w:t>
      </w:r>
      <w:r w:rsidR="008428A4">
        <w:t>’</w:t>
      </w:r>
      <w:r>
        <w:t xml:space="preserve"> in de buitenwaartse richting. Op deze manier wordt </w:t>
      </w:r>
      <w:r w:rsidR="00380670">
        <w:t xml:space="preserve">binnen het zoekgebied </w:t>
      </w:r>
      <w:r>
        <w:t xml:space="preserve">het meest binnenwaartse snijpunt gehanteerd. Wanneer er meerdere snijpunten zijn, bijvoorbeeld met een hooggelegen voorland, worden deze snijpunten genegeerd. Als </w:t>
      </w:r>
      <w:r w:rsidR="004A41B8">
        <w:t xml:space="preserve">buitenwaartse </w:t>
      </w:r>
      <w:r>
        <w:t xml:space="preserve">waterstand wordt het peil gehanteerd zoals opgegeven bij het karakteristieke punt </w:t>
      </w:r>
      <w:r w:rsidR="008428A4">
        <w:t>‘</w:t>
      </w:r>
      <w:r>
        <w:t>Maaiveld buitenwaarts</w:t>
      </w:r>
      <w:r w:rsidR="008428A4">
        <w:t>’</w:t>
      </w:r>
      <w:r>
        <w:t>.</w:t>
      </w:r>
    </w:p>
    <w:p w14:paraId="7B93455B" w14:textId="77777777" w:rsidR="00E44CB0" w:rsidRDefault="00E44CB0" w:rsidP="00E44CB0">
      <w:pPr>
        <w:pStyle w:val="Plattetekst"/>
        <w:keepNext/>
      </w:pPr>
    </w:p>
    <w:p w14:paraId="3474441F" w14:textId="3B55CCE6" w:rsidR="008151B2" w:rsidRDefault="008151B2" w:rsidP="00E44CB0">
      <w:pPr>
        <w:pStyle w:val="Plattetekst"/>
      </w:pPr>
      <w:r>
        <w:t xml:space="preserve">Als het maaiveld bij </w:t>
      </w:r>
      <w:r w:rsidR="008428A4">
        <w:t>‘</w:t>
      </w:r>
      <w:r>
        <w:t>Kruin buitentalud</w:t>
      </w:r>
      <w:r w:rsidR="008428A4">
        <w:t>’</w:t>
      </w:r>
      <w:r>
        <w:t xml:space="preserve"> en buitenwaarts hiervan lager is gelegen van de waterstand dan wordt er geen snijpunt gevonden. In dit geval word</w:t>
      </w:r>
      <w:r w:rsidR="00FC23A0">
        <w:t>t</w:t>
      </w:r>
      <w:r>
        <w:t xml:space="preserve"> de opgegeven freatische lijn zonder snijpunt toegepast. Dit resulteert mogelijk in een niet-horizontaal wateroppervlak.</w:t>
      </w:r>
    </w:p>
    <w:p w14:paraId="6B661E45" w14:textId="77777777" w:rsidR="008151B2" w:rsidRDefault="008151B2" w:rsidP="008151B2">
      <w:pPr>
        <w:pStyle w:val="Plattetekst"/>
      </w:pPr>
    </w:p>
    <w:p w14:paraId="47A42212" w14:textId="77777777" w:rsidR="008151B2" w:rsidRDefault="008151B2" w:rsidP="008151B2">
      <w:pPr>
        <w:pStyle w:val="Plattetekst"/>
        <w:rPr>
          <w:b/>
          <w:bCs/>
        </w:rPr>
      </w:pPr>
      <w:r>
        <w:rPr>
          <w:b/>
          <w:bCs/>
        </w:rPr>
        <w:t>Snijpunt waterstand binnenwaarts</w:t>
      </w:r>
    </w:p>
    <w:p w14:paraId="7EBBE0AE" w14:textId="71F78CB8" w:rsidR="008151B2" w:rsidRPr="00BD3BB7" w:rsidRDefault="008151B2" w:rsidP="00E44CB0">
      <w:pPr>
        <w:pStyle w:val="Plattetekst"/>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w:t>
      </w:r>
      <w:r w:rsidR="008428A4">
        <w:t xml:space="preserve"> ‘</w:t>
      </w:r>
      <w:r>
        <w:t>Maaiveld binnenwaarts</w:t>
      </w:r>
      <w:r w:rsidR="008428A4">
        <w:t>’</w:t>
      </w:r>
      <w:r>
        <w:t xml:space="preserve"> gehanteerd. De tool zoekt naar dit snijpunt vanaf </w:t>
      </w:r>
      <w:r w:rsidR="008428A4">
        <w:t>‘</w:t>
      </w:r>
      <w:r>
        <w:t>Maaiveld binnenwaarts</w:t>
      </w:r>
      <w:r w:rsidR="008428A4">
        <w:t>’</w:t>
      </w:r>
      <w:r>
        <w:t xml:space="preserve"> tot </w:t>
      </w:r>
      <w:r w:rsidR="008428A4">
        <w:t>‘</w:t>
      </w:r>
      <w:r>
        <w:t>Kruin binnentalud</w:t>
      </w:r>
      <w:r w:rsidR="008428A4">
        <w:t>’</w:t>
      </w:r>
      <w:r>
        <w:t xml:space="preserve"> in de buitenwaartse richting. Op deze manier wordt het meest binnenwaartse snijpunt gehanteerd. Wanneer er meerdere snijpunten zijn, worden deze snijpunten genegeerd.</w:t>
      </w:r>
    </w:p>
    <w:p w14:paraId="08A772BE" w14:textId="77777777" w:rsidR="008151B2" w:rsidRDefault="008151B2" w:rsidP="008151B2">
      <w:pPr>
        <w:pStyle w:val="Plattetekst"/>
      </w:pPr>
    </w:p>
    <w:p w14:paraId="29338ED2" w14:textId="77777777" w:rsidR="002C6499" w:rsidRDefault="002C6499" w:rsidP="002C6499">
      <w:pPr>
        <w:pStyle w:val="Plattetekst"/>
        <w:keepNext/>
      </w:pPr>
      <w:r w:rsidRPr="002C6499">
        <w:drawing>
          <wp:inline distT="0" distB="0" distL="0" distR="0" wp14:anchorId="76FC4414" wp14:editId="3F037D1A">
            <wp:extent cx="6120130" cy="2807970"/>
            <wp:effectExtent l="38100" t="38100" r="33020" b="30480"/>
            <wp:docPr id="1519177189" name="Afbeelding 1" descr="Afbeelding met tekst, diagram, lijn,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9177189" name="Afbeelding 1" descr="Afbeelding met tekst, diagram, lijn, Perceel&#10;&#10;Door AI gegenereerde inhoud is mogelijk onjuist."/>
                    <pic:cNvPicPr/>
                  </pic:nvPicPr>
                  <pic:blipFill>
                    <a:blip r:embed="rId36"/>
                    <a:stretch>
                      <a:fillRect/>
                    </a:stretch>
                  </pic:blipFill>
                  <pic:spPr>
                    <a:xfrm>
                      <a:off x="0" y="0"/>
                      <a:ext cx="6120130" cy="2807970"/>
                    </a:xfrm>
                    <a:prstGeom prst="rect">
                      <a:avLst/>
                    </a:prstGeom>
                    <a:ln>
                      <a:noFill/>
                    </a:ln>
                    <a:effectLst>
                      <a:glow rad="25400">
                        <a:srgbClr val="0E2841">
                          <a:alpha val="40000"/>
                        </a:srgbClr>
                      </a:glow>
                    </a:effectLst>
                  </pic:spPr>
                </pic:pic>
              </a:graphicData>
            </a:graphic>
          </wp:inline>
        </w:drawing>
      </w:r>
    </w:p>
    <w:p w14:paraId="48CEBA77" w14:textId="37E62EC6" w:rsidR="002C6499" w:rsidRDefault="002C6499" w:rsidP="002C6499">
      <w:pPr>
        <w:pStyle w:val="Bijschrift"/>
      </w:pPr>
      <w:bookmarkStart w:id="83" w:name="_Ref203139511"/>
      <w:r>
        <w:t xml:space="preserve">figuur </w:t>
      </w:r>
      <w:fldSimple w:instr=" STYLEREF 1 \s ">
        <w:r w:rsidR="004A1B16">
          <w:rPr>
            <w:noProof/>
          </w:rPr>
          <w:t>4</w:t>
        </w:r>
      </w:fldSimple>
      <w:r w:rsidR="00675DAB">
        <w:noBreakHyphen/>
      </w:r>
      <w:fldSimple w:instr=" SEQ figuur \* ARABIC \s 1 ">
        <w:r w:rsidR="004A1B16">
          <w:rPr>
            <w:noProof/>
          </w:rPr>
          <w:t>1</w:t>
        </w:r>
      </w:fldSimple>
      <w:bookmarkEnd w:id="83"/>
      <w:r>
        <w:t>: Voorbeeld bepaling snijpunten ten behoeve van open water</w:t>
      </w:r>
    </w:p>
    <w:p w14:paraId="1AE99C7F" w14:textId="77777777" w:rsidR="008151B2" w:rsidRDefault="008151B2" w:rsidP="008151B2">
      <w:pPr>
        <w:pStyle w:val="Plattetekst"/>
        <w:rPr>
          <w:b/>
          <w:bCs/>
        </w:rPr>
      </w:pPr>
      <w:r>
        <w:rPr>
          <w:b/>
          <w:bCs/>
        </w:rPr>
        <w:t>Freatische lijn in de teensloot</w:t>
      </w:r>
    </w:p>
    <w:p w14:paraId="36D8FAB8" w14:textId="294A704E" w:rsidR="008151B2" w:rsidRPr="00C24838" w:rsidRDefault="00D42089" w:rsidP="00BD0F33">
      <w:pPr>
        <w:pStyle w:val="Plattetekst"/>
      </w:pPr>
      <w:r>
        <w:t xml:space="preserve">Er wordt geen </w:t>
      </w:r>
      <w:r w:rsidR="00D74886">
        <w:t>aanvullende aanpassing gedaan aan de freatische lijn in de teensloot.</w:t>
      </w:r>
      <w:r w:rsidR="00BD0F33">
        <w:t xml:space="preserve"> De gebruiker kan dit zelf schematiseren met behulp van de karakteristieke punten voor de teensloot.</w:t>
      </w:r>
    </w:p>
    <w:p w14:paraId="3D173218" w14:textId="77777777" w:rsidR="008151B2" w:rsidRDefault="008151B2" w:rsidP="008151B2">
      <w:pPr>
        <w:pStyle w:val="Plattetekst"/>
      </w:pPr>
    </w:p>
    <w:p w14:paraId="3DE9A6F9" w14:textId="77777777" w:rsidR="008151B2" w:rsidRPr="00A9033E" w:rsidRDefault="008151B2" w:rsidP="008151B2">
      <w:pPr>
        <w:pStyle w:val="Kop4"/>
      </w:pPr>
      <w:bookmarkStart w:id="84" w:name="_Ref203059708"/>
      <w:r w:rsidRPr="00A9033E">
        <w:t>Minimale offset met maaiveld</w:t>
      </w:r>
      <w:bookmarkEnd w:id="84"/>
    </w:p>
    <w:p w14:paraId="47B779A5" w14:textId="6EDEBEAF" w:rsidR="008151B2" w:rsidRDefault="008151B2" w:rsidP="00C37685">
      <w:pPr>
        <w:pStyle w:val="Plattetekst"/>
      </w:pPr>
      <w:r>
        <w:t xml:space="preserve">Het is mogelijk om voor de freatische lijn een minimale offset (afstand) tot het maaiveld te hanteren. Deze correctie wordt toegepast tussen de twee opgegeven karakteristieke punten. Een uitzondering hierop is </w:t>
      </w:r>
      <w:r w:rsidR="004C6230">
        <w:t>open water</w:t>
      </w:r>
      <w:r>
        <w:t>. Hier wordt de correctie niet toegepast.</w:t>
      </w:r>
      <w:r w:rsidR="00AD0FCB">
        <w:t xml:space="preserve"> Naast eventueel binnen- en buitenwater betreft dit </w:t>
      </w:r>
      <w:r w:rsidR="003C26F9">
        <w:t>de zone</w:t>
      </w:r>
      <w:r w:rsidR="00AD0FCB">
        <w:t xml:space="preserve"> tussen ‘Insteek teensloot dijkzijde’ en ‘Insteek teensloot </w:t>
      </w:r>
      <w:r w:rsidR="00635FE4">
        <w:t xml:space="preserve">polderzijde’. Deze zones zijn weergegeven in </w:t>
      </w:r>
      <w:r w:rsidR="00635FE4">
        <w:fldChar w:fldCharType="begin"/>
      </w:r>
      <w:r w:rsidR="00635FE4">
        <w:instrText xml:space="preserve"> REF _Ref203142497 \h </w:instrText>
      </w:r>
      <w:r w:rsidR="00635FE4">
        <w:fldChar w:fldCharType="separate"/>
      </w:r>
      <w:r w:rsidR="004A1B16">
        <w:t xml:space="preserve">figuur </w:t>
      </w:r>
      <w:r w:rsidR="004A1B16">
        <w:rPr>
          <w:noProof/>
        </w:rPr>
        <w:t>4</w:t>
      </w:r>
      <w:r w:rsidR="004A1B16">
        <w:noBreakHyphen/>
      </w:r>
      <w:r w:rsidR="004A1B16">
        <w:rPr>
          <w:noProof/>
        </w:rPr>
        <w:t>2</w:t>
      </w:r>
      <w:r w:rsidR="00635FE4">
        <w:fldChar w:fldCharType="end"/>
      </w:r>
      <w:r w:rsidR="00635FE4">
        <w:t>.</w:t>
      </w:r>
    </w:p>
    <w:p w14:paraId="01E485D2" w14:textId="77777777" w:rsidR="00675DAB" w:rsidRDefault="00675DAB" w:rsidP="00C37685">
      <w:pPr>
        <w:pStyle w:val="Plattetekst"/>
      </w:pPr>
    </w:p>
    <w:p w14:paraId="78CC046E" w14:textId="54FF5C2C" w:rsidR="00675DAB" w:rsidRDefault="00675DAB" w:rsidP="00C37685">
      <w:pPr>
        <w:pStyle w:val="Plattetekst"/>
      </w:pPr>
      <w:r>
        <w:t>Een</w:t>
      </w:r>
      <w:r w:rsidR="003C26F9">
        <w:t xml:space="preserve"> gevolg van het hanteren van zones waar geen correctie </w:t>
      </w:r>
      <w:r w:rsidR="00A4692C">
        <w:t xml:space="preserve">wordt toegepast is het ontstaan </w:t>
      </w:r>
      <w:r w:rsidR="003B5217">
        <w:t xml:space="preserve">van ‘sprongetjes’ bij de grens van deze zones. Een voorbeeld is gepresenteerd in </w:t>
      </w:r>
      <w:r w:rsidR="003B5217">
        <w:fldChar w:fldCharType="begin"/>
      </w:r>
      <w:r w:rsidR="003B5217">
        <w:instrText xml:space="preserve"> REF _Ref203143944 \h </w:instrText>
      </w:r>
      <w:r w:rsidR="003B5217">
        <w:fldChar w:fldCharType="separate"/>
      </w:r>
      <w:r w:rsidR="004A1B16">
        <w:t xml:space="preserve">figuur </w:t>
      </w:r>
      <w:r w:rsidR="004A1B16">
        <w:rPr>
          <w:noProof/>
        </w:rPr>
        <w:t>4</w:t>
      </w:r>
      <w:r w:rsidR="004A1B16">
        <w:noBreakHyphen/>
      </w:r>
      <w:r w:rsidR="004A1B16">
        <w:rPr>
          <w:noProof/>
        </w:rPr>
        <w:t>3</w:t>
      </w:r>
      <w:r w:rsidR="003B5217">
        <w:fldChar w:fldCharType="end"/>
      </w:r>
      <w:r w:rsidR="003B5217">
        <w:t>.</w:t>
      </w:r>
      <w:r w:rsidR="00BD53C4">
        <w:t xml:space="preserve"> Het voorkomen van dit verschijnsel is geen onderdeel van de tool. </w:t>
      </w:r>
      <w:r w:rsidR="00931996">
        <w:t>Dit kan voorkomen worden door</w:t>
      </w:r>
      <w:r w:rsidR="00655A7B">
        <w:t xml:space="preserve"> het toepassingsgebied kleiner te maken, bijvoorbeeld van de buitenkruinlijn tot de binnenteen. Een alternatief is het kiezen van een minimale offset van nul. Dan treden er nooit sprongen op.</w:t>
      </w:r>
    </w:p>
    <w:p w14:paraId="16598E95" w14:textId="77777777" w:rsidR="008151B2" w:rsidRDefault="008151B2" w:rsidP="008151B2">
      <w:pPr>
        <w:pStyle w:val="Plattetekst"/>
      </w:pPr>
    </w:p>
    <w:p w14:paraId="04BF98BD" w14:textId="4828F2A7" w:rsidR="008151B2" w:rsidRDefault="008151B2" w:rsidP="008151B2">
      <w:pPr>
        <w:pStyle w:val="Plattetekst"/>
        <w:rPr>
          <w:b/>
          <w:bCs/>
        </w:rPr>
      </w:pPr>
      <w:r>
        <w:rPr>
          <w:b/>
          <w:bCs/>
        </w:rPr>
        <w:t>Voorbeelden</w:t>
      </w:r>
      <w:r w:rsidR="00B34B2F">
        <w:rPr>
          <w:b/>
          <w:bCs/>
        </w:rPr>
        <w:t xml:space="preserve"> van gebruik</w:t>
      </w:r>
    </w:p>
    <w:p w14:paraId="62F444AE" w14:textId="418F2C44" w:rsidR="003D4233" w:rsidRPr="003D4233" w:rsidRDefault="003D4233" w:rsidP="008151B2">
      <w:pPr>
        <w:pStyle w:val="Plattetekst"/>
        <w:numPr>
          <w:ilvl w:val="0"/>
          <w:numId w:val="36"/>
        </w:numPr>
        <w:rPr>
          <w:b/>
          <w:bCs/>
        </w:rPr>
      </w:pPr>
      <w:r>
        <w:t>Maximeren van de freatische lijn in de dijkkern zodat deze niet uit het maaiveld kan treden. Dit kan voorkomen bij ‘holle’ dijkprofielen.</w:t>
      </w:r>
    </w:p>
    <w:p w14:paraId="45533D63" w14:textId="015A4438" w:rsidR="008151B2" w:rsidRPr="0019697A" w:rsidRDefault="007235A0" w:rsidP="008151B2">
      <w:pPr>
        <w:pStyle w:val="Plattetekst"/>
        <w:numPr>
          <w:ilvl w:val="0"/>
          <w:numId w:val="36"/>
        </w:numPr>
        <w:rPr>
          <w:b/>
          <w:bCs/>
        </w:rPr>
      </w:pPr>
      <w:r>
        <w:t xml:space="preserve">Schematiseren van een verzadigd dijklichaam. Door </w:t>
      </w:r>
      <w:r w:rsidR="008F60EC">
        <w:t>het</w:t>
      </w:r>
      <w:r>
        <w:t xml:space="preserve"> freatisch peil (veel) hoger dan de dijkkern te schematiseren </w:t>
      </w:r>
      <w:r w:rsidR="008F60EC">
        <w:t>en daarbij een</w:t>
      </w:r>
      <w:r w:rsidR="00DC7C15">
        <w:t xml:space="preserve"> minimale offset</w:t>
      </w:r>
      <w:r w:rsidR="008151B2">
        <w:t xml:space="preserve"> van de freatische lijn in het dijklichaam</w:t>
      </w:r>
      <w:r w:rsidR="008F60EC">
        <w:t xml:space="preserve"> toe te passen</w:t>
      </w:r>
      <w:r w:rsidR="00931996">
        <w:t>, ontstaat een volledig verzadigd dijklichaam.</w:t>
      </w:r>
    </w:p>
    <w:p w14:paraId="2566D7AF" w14:textId="77777777" w:rsidR="008151B2" w:rsidRDefault="008151B2" w:rsidP="008151B2">
      <w:pPr>
        <w:pStyle w:val="Plattetekst"/>
      </w:pPr>
    </w:p>
    <w:p w14:paraId="77A92D88" w14:textId="77777777" w:rsidR="00AD0FCB" w:rsidRDefault="00AD0FCB" w:rsidP="00AD0FCB">
      <w:pPr>
        <w:pStyle w:val="Plattetekst"/>
        <w:keepNext/>
      </w:pPr>
      <w:r w:rsidRPr="00AD0FCB">
        <w:drawing>
          <wp:inline distT="0" distB="0" distL="0" distR="0" wp14:anchorId="6F32B43E" wp14:editId="1274D669">
            <wp:extent cx="6120130" cy="2269490"/>
            <wp:effectExtent l="38100" t="38100" r="33020" b="35560"/>
            <wp:docPr id="776891172" name="Afbeelding 1" descr="Afbeelding met diagram, tekst, lijn,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891172" name="Afbeelding 1" descr="Afbeelding met diagram, tekst, lijn, schermopname&#10;&#10;Door AI gegenereerde inhoud is mogelijk onjuist."/>
                    <pic:cNvPicPr/>
                  </pic:nvPicPr>
                  <pic:blipFill>
                    <a:blip r:embed="rId37"/>
                    <a:stretch>
                      <a:fillRect/>
                    </a:stretch>
                  </pic:blipFill>
                  <pic:spPr>
                    <a:xfrm>
                      <a:off x="0" y="0"/>
                      <a:ext cx="6120130" cy="2269490"/>
                    </a:xfrm>
                    <a:prstGeom prst="rect">
                      <a:avLst/>
                    </a:prstGeom>
                    <a:ln>
                      <a:noFill/>
                    </a:ln>
                    <a:effectLst>
                      <a:glow rad="25400">
                        <a:srgbClr val="0E2841">
                          <a:alpha val="40000"/>
                        </a:srgbClr>
                      </a:glow>
                    </a:effectLst>
                  </pic:spPr>
                </pic:pic>
              </a:graphicData>
            </a:graphic>
          </wp:inline>
        </w:drawing>
      </w:r>
    </w:p>
    <w:p w14:paraId="654F64B5" w14:textId="112F9D51" w:rsidR="00AD0FCB" w:rsidRDefault="00AD0FCB" w:rsidP="00AD0FCB">
      <w:pPr>
        <w:pStyle w:val="Bijschrift"/>
      </w:pPr>
      <w:bookmarkStart w:id="85" w:name="_Ref203142497"/>
      <w:r>
        <w:t xml:space="preserve">figuur </w:t>
      </w:r>
      <w:fldSimple w:instr=" STYLEREF 1 \s ">
        <w:r w:rsidR="004A1B16">
          <w:rPr>
            <w:noProof/>
          </w:rPr>
          <w:t>4</w:t>
        </w:r>
      </w:fldSimple>
      <w:r w:rsidR="00675DAB">
        <w:noBreakHyphen/>
      </w:r>
      <w:fldSimple w:instr=" SEQ figuur \* ARABIC \s 1 ">
        <w:r w:rsidR="004A1B16">
          <w:rPr>
            <w:noProof/>
          </w:rPr>
          <w:t>2</w:t>
        </w:r>
      </w:fldSimple>
      <w:bookmarkEnd w:id="85"/>
      <w:r>
        <w:t>: De minimale offset van de freatische lijn met maaiveld wordt niet toegepast in zones met open water</w:t>
      </w:r>
    </w:p>
    <w:p w14:paraId="001BFDB6" w14:textId="77777777" w:rsidR="00675DAB" w:rsidRDefault="00675DAB" w:rsidP="00675DAB">
      <w:pPr>
        <w:pStyle w:val="Plattetekst"/>
        <w:keepNext/>
      </w:pPr>
      <w:r w:rsidRPr="00675DAB">
        <w:drawing>
          <wp:inline distT="0" distB="0" distL="0" distR="0" wp14:anchorId="538CB076" wp14:editId="0BDB082A">
            <wp:extent cx="6120130" cy="2165350"/>
            <wp:effectExtent l="38100" t="38100" r="33020" b="44450"/>
            <wp:docPr id="686477434" name="Afbeelding 1" descr="Afbeelding met diagram, lijn, tekst,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6477434" name="Afbeelding 1" descr="Afbeelding met diagram, lijn, tekst, Perceel&#10;&#10;Door AI gegenereerde inhoud is mogelijk onjuist."/>
                    <pic:cNvPicPr/>
                  </pic:nvPicPr>
                  <pic:blipFill>
                    <a:blip r:embed="rId38"/>
                    <a:stretch>
                      <a:fillRect/>
                    </a:stretch>
                  </pic:blipFill>
                  <pic:spPr>
                    <a:xfrm>
                      <a:off x="0" y="0"/>
                      <a:ext cx="6120130" cy="2165350"/>
                    </a:xfrm>
                    <a:prstGeom prst="rect">
                      <a:avLst/>
                    </a:prstGeom>
                    <a:ln>
                      <a:noFill/>
                    </a:ln>
                    <a:effectLst>
                      <a:glow rad="25400">
                        <a:srgbClr val="0E2841">
                          <a:alpha val="40000"/>
                        </a:srgbClr>
                      </a:glow>
                    </a:effectLst>
                  </pic:spPr>
                </pic:pic>
              </a:graphicData>
            </a:graphic>
          </wp:inline>
        </w:drawing>
      </w:r>
    </w:p>
    <w:p w14:paraId="5885430D" w14:textId="0A5DA3D2" w:rsidR="00675DAB" w:rsidRDefault="00675DAB" w:rsidP="00675DAB">
      <w:pPr>
        <w:pStyle w:val="Bijschrift"/>
      </w:pPr>
      <w:bookmarkStart w:id="86" w:name="_Ref203143944"/>
      <w:r>
        <w:t xml:space="preserve">figuur </w:t>
      </w:r>
      <w:fldSimple w:instr=" STYLEREF 1 \s ">
        <w:r w:rsidR="004A1B16">
          <w:rPr>
            <w:noProof/>
          </w:rPr>
          <w:t>4</w:t>
        </w:r>
      </w:fldSimple>
      <w:r>
        <w:noBreakHyphen/>
      </w:r>
      <w:fldSimple w:instr=" SEQ figuur \* ARABIC \s 1 ">
        <w:r w:rsidR="004A1B16">
          <w:rPr>
            <w:noProof/>
          </w:rPr>
          <w:t>3</w:t>
        </w:r>
      </w:fldSimple>
      <w:bookmarkEnd w:id="86"/>
      <w:r>
        <w:t>: Mogelijke 'sprongetjes' bij de snijpunten van het water met het dwarsprofiel</w:t>
      </w:r>
    </w:p>
    <w:p w14:paraId="2C486887" w14:textId="64FA5EA0" w:rsidR="00A9033E" w:rsidRDefault="00A9033E" w:rsidP="00BD5CEE">
      <w:pPr>
        <w:pStyle w:val="Kop3"/>
      </w:pPr>
      <w:bookmarkStart w:id="87" w:name="_Toc203144509"/>
      <w:r>
        <w:t>Stijghoogte</w:t>
      </w:r>
      <w:bookmarkEnd w:id="87"/>
    </w:p>
    <w:p w14:paraId="1910BD9E" w14:textId="11D7B283" w:rsidR="000F7D2F" w:rsidRDefault="00322AFF" w:rsidP="000F7D2F">
      <w:pPr>
        <w:pStyle w:val="Plattetekst"/>
      </w:pPr>
      <w:r>
        <w:t xml:space="preserve">De stijghoogte kan bepaald worden met twee methodes. De offset methode is toegelicht in </w:t>
      </w:r>
      <w:r>
        <w:fldChar w:fldCharType="begin"/>
      </w:r>
      <w:r>
        <w:instrText xml:space="preserve"> REF _Ref203144321 \n \h </w:instrText>
      </w:r>
      <w:r>
        <w:fldChar w:fldCharType="separate"/>
      </w:r>
      <w:r w:rsidR="004A1B16">
        <w:t>4.3.1</w:t>
      </w:r>
      <w:r>
        <w:fldChar w:fldCharType="end"/>
      </w:r>
      <w:r w:rsidR="004A1B16">
        <w:t xml:space="preserve">. De methode ‘Afleiden uit ander scenario’ is beschreven in </w:t>
      </w:r>
      <w:r w:rsidR="004A1B16">
        <w:fldChar w:fldCharType="begin"/>
      </w:r>
      <w:r w:rsidR="004A1B16">
        <w:instrText xml:space="preserve"> REF _Ref203144407 \n \h </w:instrText>
      </w:r>
      <w:r w:rsidR="004A1B16">
        <w:fldChar w:fldCharType="separate"/>
      </w:r>
      <w:r w:rsidR="004A1B16">
        <w:t>4.3.4</w:t>
      </w:r>
      <w:r w:rsidR="004A1B16">
        <w:fldChar w:fldCharType="end"/>
      </w:r>
      <w:r w:rsidR="004A1B16">
        <w:t>.</w:t>
      </w:r>
    </w:p>
    <w:p w14:paraId="30A31AE2" w14:textId="77777777" w:rsidR="00655A7B" w:rsidRPr="000F7D2F" w:rsidRDefault="00655A7B" w:rsidP="000F7D2F">
      <w:pPr>
        <w:pStyle w:val="Plattetekst"/>
      </w:pPr>
    </w:p>
    <w:p w14:paraId="64699B4C" w14:textId="77777777" w:rsidR="008151B2" w:rsidRDefault="008151B2" w:rsidP="008151B2">
      <w:pPr>
        <w:pStyle w:val="Kop3"/>
      </w:pPr>
      <w:bookmarkStart w:id="88" w:name="_Ref203144407"/>
      <w:bookmarkStart w:id="89" w:name="_Toc203144510"/>
      <w:r>
        <w:lastRenderedPageBreak/>
        <w:t>Afleiden uit ander scenario</w:t>
      </w:r>
      <w:bookmarkEnd w:id="88"/>
      <w:bookmarkEnd w:id="89"/>
    </w:p>
    <w:p w14:paraId="427793DE" w14:textId="77777777" w:rsidR="008151B2" w:rsidRPr="002814AB" w:rsidRDefault="008151B2" w:rsidP="008151B2">
      <w:pPr>
        <w:pStyle w:val="Plattetekst"/>
      </w:pPr>
      <w:r>
        <w:t>Het volgende geldt voor het gebruik van de methode “Afleiden uit ander scenario”:</w:t>
      </w:r>
    </w:p>
    <w:p w14:paraId="00707CA6" w14:textId="77777777" w:rsidR="008151B2" w:rsidRDefault="008151B2" w:rsidP="008151B2">
      <w:pPr>
        <w:pStyle w:val="Plattetekst"/>
        <w:numPr>
          <w:ilvl w:val="0"/>
          <w:numId w:val="39"/>
        </w:numPr>
      </w:pPr>
      <w:r>
        <w:t xml:space="preserve">De stijghoogtelijn waarop de methode toegepast wordt kan slechts aan één referentielijn toegekend worden. </w:t>
      </w:r>
    </w:p>
    <w:p w14:paraId="766AAD57" w14:textId="77777777" w:rsidR="008151B2" w:rsidRDefault="008151B2" w:rsidP="008151B2">
      <w:pPr>
        <w:pStyle w:val="Plattetekst"/>
        <w:numPr>
          <w:ilvl w:val="0"/>
          <w:numId w:val="39"/>
        </w:numPr>
      </w:pPr>
      <w:r>
        <w:t>De stijghoogte kan alleen gebaseerd worden op een voorgaande stage. Het is niet mogelijk een stage op te geven die na de betreffende stage komt.</w:t>
      </w:r>
    </w:p>
    <w:p w14:paraId="7588D5EB" w14:textId="77777777" w:rsidR="008151B2" w:rsidRPr="008133A4" w:rsidRDefault="008151B2" w:rsidP="008151B2">
      <w:pPr>
        <w:pStyle w:val="Plattetekst"/>
        <w:numPr>
          <w:ilvl w:val="0"/>
          <w:numId w:val="39"/>
        </w:numPr>
      </w:pPr>
      <w:r>
        <w:t xml:space="preserve">De stijghoogte waarop deze methode wordt toegepast kan niet toegekend worden aan een referentielijn die is geschematiseerd op basis van een watervoerende (tussen) laag. </w:t>
      </w:r>
    </w:p>
    <w:p w14:paraId="1D8392BB" w14:textId="77777777" w:rsidR="008151B2" w:rsidRDefault="008151B2" w:rsidP="008151B2">
      <w:pPr>
        <w:pStyle w:val="Plattetekst"/>
      </w:pPr>
    </w:p>
    <w:p w14:paraId="5BA0DB3C" w14:textId="77777777" w:rsidR="008151B2" w:rsidRDefault="008151B2" w:rsidP="008151B2">
      <w:pPr>
        <w:pStyle w:val="Plattetekst"/>
      </w:pPr>
      <w:r>
        <w:t>Technische details</w:t>
      </w:r>
    </w:p>
    <w:p w14:paraId="45077BB1" w14:textId="77777777" w:rsidR="008151B2" w:rsidRPr="00A9033E" w:rsidRDefault="008151B2" w:rsidP="008151B2">
      <w:pPr>
        <w:pStyle w:val="Plattetekst"/>
        <w:numPr>
          <w:ilvl w:val="0"/>
          <w:numId w:val="40"/>
        </w:numPr>
      </w:pPr>
      <w:r>
        <w:t>De resulterende lijn wordt vereenvoudigd. Punten die binnen een tolerantie van 0,01 m vallen worden verwijderd. Dit voorkomt een stijghoogtelijn met onnodig veel punten.</w:t>
      </w:r>
    </w:p>
    <w:p w14:paraId="4B21088C" w14:textId="77777777" w:rsidR="008151B2" w:rsidRDefault="008151B2" w:rsidP="008151B2">
      <w:pPr>
        <w:pStyle w:val="Plattetekst"/>
      </w:pPr>
    </w:p>
    <w:p w14:paraId="79D96F24" w14:textId="1164D450" w:rsidR="00D7267E" w:rsidRDefault="002C743E" w:rsidP="00BD5CEE">
      <w:pPr>
        <w:pStyle w:val="Kop3"/>
      </w:pPr>
      <w:bookmarkStart w:id="90" w:name="_Ref199162034"/>
      <w:bookmarkStart w:id="91" w:name="_Toc203144511"/>
      <w:r>
        <w:t>Referentielijn</w:t>
      </w:r>
      <w:bookmarkEnd w:id="90"/>
      <w:bookmarkEnd w:id="91"/>
    </w:p>
    <w:p w14:paraId="6FE10FB1" w14:textId="695F3A1C" w:rsidR="007737BF" w:rsidRDefault="008A071C" w:rsidP="00A72998">
      <w:pPr>
        <w:pStyle w:val="Plattetekst"/>
        <w:rPr>
          <w:b/>
          <w:bCs/>
        </w:rPr>
      </w:pPr>
      <w:r>
        <w:rPr>
          <w:b/>
          <w:bCs/>
        </w:rPr>
        <w:t>Aanduiding</w:t>
      </w:r>
      <w:r w:rsidR="00E855A6">
        <w:rPr>
          <w:b/>
          <w:bCs/>
        </w:rPr>
        <w:t xml:space="preserve"> w</w:t>
      </w:r>
      <w:commentRangeStart w:id="92"/>
      <w:r w:rsidR="008A35DE">
        <w:rPr>
          <w:b/>
          <w:bCs/>
        </w:rPr>
        <w:t>atervoerende laag</w:t>
      </w:r>
      <w:commentRangeEnd w:id="92"/>
      <w:r w:rsidR="007D5B77">
        <w:rPr>
          <w:rStyle w:val="Verwijzingopmerking"/>
        </w:rPr>
        <w:commentReference w:id="92"/>
      </w:r>
    </w:p>
    <w:p w14:paraId="5BE7CFFD" w14:textId="6A3C064E" w:rsidR="00ED579A" w:rsidRDefault="00ED579A" w:rsidP="00A05415">
      <w:pPr>
        <w:pStyle w:val="Plattetekst"/>
      </w:pPr>
      <w:r>
        <w:t xml:space="preserve">Lagen worden in de bodemopbouw aangeduid als watervoerende laag. </w:t>
      </w:r>
      <w:r w:rsidR="00A05415">
        <w:t>Deze als watervoerend behandeld als een laag aan bepaalde voorwaarden voldoet:</w:t>
      </w:r>
    </w:p>
    <w:p w14:paraId="464F0404" w14:textId="680BFE33" w:rsidR="00A05415" w:rsidRDefault="00A05415" w:rsidP="00A05415">
      <w:pPr>
        <w:pStyle w:val="Plattetekst"/>
        <w:numPr>
          <w:ilvl w:val="0"/>
          <w:numId w:val="35"/>
        </w:numPr>
      </w:pPr>
      <w:r>
        <w:t>De laag loopt van het begin tot het eind</w:t>
      </w:r>
      <w:r w:rsidR="00394DC1">
        <w:t xml:space="preserve"> van </w:t>
      </w:r>
      <w:r w:rsidR="00C3437A">
        <w:t>de bodemopbouw.</w:t>
      </w:r>
    </w:p>
    <w:p w14:paraId="5C7BADFB" w14:textId="386852A9" w:rsidR="007E5B6B" w:rsidRDefault="007E5B6B" w:rsidP="00A05415">
      <w:pPr>
        <w:pStyle w:val="Plattetekst"/>
        <w:numPr>
          <w:ilvl w:val="0"/>
          <w:numId w:val="35"/>
        </w:numPr>
      </w:pPr>
      <w:r>
        <w:t xml:space="preserve">Indien dit niet het geval moeten de volgende </w:t>
      </w:r>
      <w:r w:rsidR="00451C34">
        <w:t xml:space="preserve">twee </w:t>
      </w:r>
      <w:r>
        <w:t>voorwaarden gelden:</w:t>
      </w:r>
    </w:p>
    <w:p w14:paraId="1D938778" w14:textId="5827FB2D" w:rsidR="00C3437A" w:rsidRDefault="00D924E8" w:rsidP="00D77646">
      <w:pPr>
        <w:pStyle w:val="Plattetekst"/>
        <w:numPr>
          <w:ilvl w:val="1"/>
          <w:numId w:val="35"/>
        </w:numPr>
        <w:ind w:left="709"/>
      </w:pPr>
      <w:r>
        <w:t xml:space="preserve">De laag loopt niet van begin tot eind van de bodemopbouw, </w:t>
      </w:r>
      <w:r w:rsidR="007E5B6B">
        <w:t>doordat deze snijdt met het maaiveld (bijvoorbeeld een teensloot of het buitenwater).</w:t>
      </w:r>
      <w:r w:rsidR="000E6AAA">
        <w:t xml:space="preserve"> Wanneer hier niet aan wordt voldaan volgt een foutmelding</w:t>
      </w:r>
      <w:r w:rsidR="00451C34">
        <w:t xml:space="preserve">. De laag is </w:t>
      </w:r>
      <w:r w:rsidR="00AE5432">
        <w:t xml:space="preserve">dan </w:t>
      </w:r>
      <w:r w:rsidR="00451C34">
        <w:t>geen valide watervoerende laag.</w:t>
      </w:r>
    </w:p>
    <w:p w14:paraId="3E2337A7" w14:textId="6B8D7D6E" w:rsidR="00143F61" w:rsidRDefault="00143F61" w:rsidP="00D77646">
      <w:pPr>
        <w:pStyle w:val="Plattetekst"/>
        <w:numPr>
          <w:ilvl w:val="1"/>
          <w:numId w:val="35"/>
        </w:numPr>
        <w:ind w:left="709"/>
      </w:pPr>
      <w:r>
        <w:t xml:space="preserve">De laag </w:t>
      </w:r>
      <w:r w:rsidR="00AE5432">
        <w:t xml:space="preserve">loop onder de dijk door. </w:t>
      </w:r>
      <w:r w:rsidR="009B4D88">
        <w:t>Hiervoor wordt als referentiepunt “Kruin binnentalud” genomen.</w:t>
      </w:r>
      <w:r w:rsidR="00451C34">
        <w:t xml:space="preserve"> Wanneer hier niet aan wordt voldaan wordt </w:t>
      </w:r>
      <w:r w:rsidR="00812D53">
        <w:t xml:space="preserve">de laag niet als watervoerend geschematiseerd. </w:t>
      </w:r>
    </w:p>
    <w:p w14:paraId="0C43FF87" w14:textId="77777777" w:rsidR="00ED579A" w:rsidRDefault="00ED579A" w:rsidP="00A72998">
      <w:pPr>
        <w:pStyle w:val="Plattetekst"/>
      </w:pPr>
    </w:p>
    <w:p w14:paraId="0E20A304" w14:textId="224A0239" w:rsidR="006867D0" w:rsidRDefault="00707698" w:rsidP="00A72998">
      <w:pPr>
        <w:pStyle w:val="Plattetekst"/>
      </w:pPr>
      <w:r>
        <w:t xml:space="preserve">De tool maakt onderscheid tussen </w:t>
      </w:r>
      <w:r w:rsidR="006867D0">
        <w:t xml:space="preserve">de (diepe) watervoerende laag en watervoerende tussenlagen. </w:t>
      </w:r>
    </w:p>
    <w:p w14:paraId="23302897" w14:textId="53D8F29C" w:rsidR="00707698" w:rsidRDefault="006867D0" w:rsidP="006867D0">
      <w:pPr>
        <w:pStyle w:val="Plattetekst"/>
        <w:numPr>
          <w:ilvl w:val="0"/>
          <w:numId w:val="35"/>
        </w:numPr>
      </w:pPr>
      <w:r>
        <w:t>In het geval van meerdere watervoerende lagen wordt de diepste aangeduid als watervoerende laag. Alle overige lagen zijn watervoerende tussenlagen.</w:t>
      </w:r>
    </w:p>
    <w:p w14:paraId="59F3CC9A" w14:textId="77777777" w:rsidR="00612D36" w:rsidRDefault="00612D36" w:rsidP="00612D36">
      <w:pPr>
        <w:pStyle w:val="Plattetekst"/>
      </w:pPr>
    </w:p>
    <w:p w14:paraId="5E81F2CE" w14:textId="3E7A9A2D" w:rsidR="00612D36" w:rsidRPr="00C00C37" w:rsidRDefault="00612D36" w:rsidP="00612D36">
      <w:pPr>
        <w:pStyle w:val="Plattetekst"/>
        <w:rPr>
          <w:b/>
          <w:bCs/>
        </w:rPr>
      </w:pPr>
      <w:commentRangeStart w:id="93"/>
      <w:r>
        <w:rPr>
          <w:b/>
          <w:bCs/>
        </w:rPr>
        <w:t>Toelichting bepalen onderkant/bovenkant grondlaag</w:t>
      </w:r>
      <w:commentRangeEnd w:id="93"/>
      <w:r w:rsidR="00C00C37">
        <w:rPr>
          <w:rStyle w:val="Verwijzingopmerking"/>
        </w:rPr>
        <w:commentReference w:id="93"/>
      </w:r>
    </w:p>
    <w:p w14:paraId="085D9F52" w14:textId="77777777" w:rsidR="0032059D" w:rsidRDefault="0032059D" w:rsidP="00086A3B">
      <w:pPr>
        <w:pStyle w:val="Plattetekst"/>
      </w:pPr>
    </w:p>
    <w:p w14:paraId="4EA837B1" w14:textId="49252A0B" w:rsidR="00C73EA1" w:rsidRDefault="008A071C" w:rsidP="00086A3B">
      <w:pPr>
        <w:pStyle w:val="Plattetekst"/>
        <w:rPr>
          <w:b/>
          <w:bCs/>
        </w:rPr>
      </w:pPr>
      <w:proofErr w:type="spellStart"/>
      <w:r>
        <w:rPr>
          <w:b/>
          <w:bCs/>
        </w:rPr>
        <w:t>Metthode</w:t>
      </w:r>
      <w:proofErr w:type="spellEnd"/>
      <w:r>
        <w:rPr>
          <w:b/>
          <w:bCs/>
        </w:rPr>
        <w:t xml:space="preserve"> “</w:t>
      </w:r>
      <w:r w:rsidR="00C10960">
        <w:rPr>
          <w:b/>
          <w:bCs/>
        </w:rPr>
        <w:t>Indringingslengte</w:t>
      </w:r>
      <w:r>
        <w:rPr>
          <w:b/>
          <w:bCs/>
        </w:rPr>
        <w:t>”</w:t>
      </w:r>
    </w:p>
    <w:p w14:paraId="5F8E8DF8" w14:textId="5F88284E" w:rsidR="00F213FB" w:rsidRDefault="00F213FB" w:rsidP="00F213FB">
      <w:pPr>
        <w:pStyle w:val="Plattetekst"/>
        <w:numPr>
          <w:ilvl w:val="0"/>
          <w:numId w:val="35"/>
        </w:numPr>
        <w:rPr>
          <w:b/>
          <w:bCs/>
        </w:rPr>
      </w:pPr>
      <w:r>
        <w:t>De indringingslengte wordt verticaal toegepast.</w:t>
      </w:r>
    </w:p>
    <w:p w14:paraId="39736B3D" w14:textId="13B59230" w:rsidR="00C10960" w:rsidRPr="00E66679" w:rsidRDefault="00D07DE2" w:rsidP="00C10960">
      <w:pPr>
        <w:pStyle w:val="Plattetekst"/>
        <w:numPr>
          <w:ilvl w:val="0"/>
          <w:numId w:val="35"/>
        </w:numPr>
        <w:rPr>
          <w:b/>
          <w:bCs/>
        </w:rPr>
      </w:pPr>
      <w:r>
        <w:t xml:space="preserve">Wanneer </w:t>
      </w:r>
      <w:r w:rsidR="00BE053B">
        <w:t>er referentielijnen worden geschematise</w:t>
      </w:r>
      <w:r w:rsidR="00755081">
        <w:t xml:space="preserve">erd op basis van indringing vanaf watervoerende tussenzandlagen, </w:t>
      </w:r>
      <w:r>
        <w:t xml:space="preserve">de referentielijnen </w:t>
      </w:r>
      <w:r w:rsidR="00BE053B">
        <w:t xml:space="preserve">van </w:t>
      </w:r>
      <w:r w:rsidR="00755081">
        <w:t xml:space="preserve">de </w:t>
      </w:r>
      <w:r w:rsidR="00BE053B">
        <w:t xml:space="preserve">watervoerende tussenlagen zijn gebaseerd op basis van de </w:t>
      </w:r>
      <w:proofErr w:type="spellStart"/>
      <w:r w:rsidR="00BE053B">
        <w:t>watervoerendheid</w:t>
      </w:r>
      <w:proofErr w:type="spellEnd"/>
      <w:r w:rsidR="00BE053B">
        <w:t>, en er meerdere</w:t>
      </w:r>
      <w:r w:rsidR="00755081">
        <w:t xml:space="preserve"> tussenzandlagen aanwezig zijn</w:t>
      </w:r>
      <w:r w:rsidR="0079530B">
        <w:t xml:space="preserve">, dan wordt de plaatsing van de referentielijnen gebaseerd op de opgegeven indringingslengte. </w:t>
      </w:r>
      <w:r w:rsidR="00F6151C">
        <w:t xml:space="preserve">Indien een positieve indringingslengte is opgegeven dan geldt deze vanaf de bovenkant van de bovenste watervoerende tussenlaag. </w:t>
      </w:r>
      <w:commentRangeStart w:id="94"/>
      <w:r w:rsidR="00F6151C">
        <w:t>Wanneer de indringingslengte negatief is, geldt deze vanaf de onderzijde van de onderste watervoerende tussenlaag</w:t>
      </w:r>
      <w:r w:rsidR="000E1401">
        <w:t>.</w:t>
      </w:r>
      <w:r w:rsidR="00962B8E">
        <w:t xml:space="preserve"> De referentielijnen op basis van indringing worden dus niet op meerdere watervoerende tussenlagen toegepast en kunnen niet tussen watervoerende tussenlagen worden toegepast. </w:t>
      </w:r>
      <w:commentRangeEnd w:id="94"/>
      <w:r w:rsidR="00962B8E">
        <w:rPr>
          <w:rStyle w:val="Verwijzingopmerking"/>
        </w:rPr>
        <w:commentReference w:id="94"/>
      </w:r>
      <w:r w:rsidR="00401826">
        <w:t>Dit is ook het geval wanneer de indringingslengte wordt gehanteerd op basis van een referentielijn waarvan er meerdere met dezelfde naam aanwezig zijn.</w:t>
      </w:r>
    </w:p>
    <w:p w14:paraId="704A9090" w14:textId="77777777" w:rsidR="00C73EA1" w:rsidRDefault="00C73EA1" w:rsidP="00086A3B">
      <w:pPr>
        <w:pStyle w:val="Plattetekst"/>
      </w:pPr>
    </w:p>
    <w:p w14:paraId="6608ABB0" w14:textId="1FEB8089" w:rsidR="008A071C" w:rsidRDefault="008A071C" w:rsidP="00086A3B">
      <w:pPr>
        <w:pStyle w:val="Plattetekst"/>
        <w:rPr>
          <w:b/>
          <w:bCs/>
        </w:rPr>
      </w:pPr>
      <w:r>
        <w:rPr>
          <w:b/>
          <w:bCs/>
        </w:rPr>
        <w:t>Methode “Watervoerende (tussen)laag</w:t>
      </w:r>
      <w:r w:rsidR="00D40629">
        <w:rPr>
          <w:b/>
          <w:bCs/>
        </w:rPr>
        <w:t>”</w:t>
      </w:r>
    </w:p>
    <w:p w14:paraId="1D60C22B" w14:textId="281681B0" w:rsidR="00063374" w:rsidRDefault="00FE491B" w:rsidP="00063374">
      <w:pPr>
        <w:pStyle w:val="Plattetekst"/>
        <w:numPr>
          <w:ilvl w:val="0"/>
          <w:numId w:val="41"/>
        </w:numPr>
      </w:pPr>
      <w:r>
        <w:t xml:space="preserve">Een waterspanningsscenario moet methodes hebben voor watervoerende lagen wanneer deze aanwezig zijn in de bodemopbouw waarop het scenario van toepassing is. Bij aanwezigheid van één watervoerende laag </w:t>
      </w:r>
      <w:r w:rsidR="008A57A2">
        <w:t xml:space="preserve">dient er een methode te zijn </w:t>
      </w:r>
      <w:r w:rsidR="00063374">
        <w:t>voor de diepere zandlaag. Wanneer er twee of meer watervoerende lagen zijn dan moet er ook een methode voor tussenzandlagen opgegeven worden.</w:t>
      </w:r>
    </w:p>
    <w:p w14:paraId="094A5204" w14:textId="77777777" w:rsidR="008A071C" w:rsidRDefault="008A071C" w:rsidP="00086A3B">
      <w:pPr>
        <w:pStyle w:val="Plattetekst"/>
      </w:pPr>
    </w:p>
    <w:p w14:paraId="72762522" w14:textId="20883F75" w:rsidR="00086A3B" w:rsidRDefault="00086A3B" w:rsidP="00086A3B">
      <w:pPr>
        <w:pStyle w:val="Kop2"/>
      </w:pPr>
      <w:bookmarkStart w:id="95" w:name="_Ref194063286"/>
      <w:bookmarkStart w:id="96" w:name="_Toc203144512"/>
      <w:r>
        <w:lastRenderedPageBreak/>
        <w:t>State points</w:t>
      </w:r>
      <w:bookmarkEnd w:id="95"/>
      <w:bookmarkEnd w:id="96"/>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97" w:name="_Toc203144467"/>
      <w:r>
        <w:lastRenderedPageBreak/>
        <w:t>Bijlage</w:t>
      </w:r>
      <w:bookmarkEnd w:id="97"/>
    </w:p>
    <w:p w14:paraId="0CEB51AE" w14:textId="77777777" w:rsidR="00F77B2F" w:rsidRPr="00F77B2F" w:rsidRDefault="00F77B2F" w:rsidP="00F77B2F">
      <w:pPr>
        <w:pStyle w:val="Plattetekst"/>
      </w:pPr>
    </w:p>
    <w:sectPr w:rsidR="00F77B2F" w:rsidRPr="00F77B2F" w:rsidSect="007362A8">
      <w:footerReference w:type="default" r:id="rId39"/>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14" w:author="Daniël Kentrop" w:date="2025-07-11T14:17:00Z" w:initials="DK">
    <w:p w14:paraId="68535EC2" w14:textId="77777777" w:rsidR="0071374E" w:rsidRDefault="0071374E" w:rsidP="0071374E">
      <w:pPr>
        <w:pStyle w:val="Tekstopmerking"/>
      </w:pPr>
      <w:r>
        <w:rPr>
          <w:rStyle w:val="Verwijzingopmerking"/>
        </w:rPr>
        <w:annotationRef/>
      </w:r>
      <w:r>
        <w:t>Check: kolom- en tabbladnamen met dubbele aanhalingstekens. Waardes (bv. opties) met enkele aanhalingstekens</w:t>
      </w:r>
    </w:p>
  </w:comment>
  <w:comment w:id="92" w:author="Daniël Kentrop" w:date="2025-04-25T09:22:00Z" w:initials="DK">
    <w:p w14:paraId="4068135A" w14:textId="63021018" w:rsidR="007D5B77" w:rsidRDefault="007D5B77" w:rsidP="007D5B77">
      <w:pPr>
        <w:pStyle w:val="Tekstopmerking"/>
      </w:pPr>
      <w:r>
        <w:rPr>
          <w:rStyle w:val="Verwijzingopmerking"/>
        </w:rPr>
        <w:annotationRef/>
      </w:r>
      <w:r>
        <w:t>Voorbeeld met plaatjes.</w:t>
      </w:r>
    </w:p>
    <w:p w14:paraId="73BB32F7" w14:textId="77777777" w:rsidR="007D5B77" w:rsidRDefault="007D5B77" w:rsidP="007D5B77">
      <w:pPr>
        <w:pStyle w:val="Tekstopmerking"/>
        <w:ind w:left="300"/>
      </w:pPr>
      <w:r>
        <w:t>Zandlaag onderbroken door sloot</w:t>
      </w:r>
    </w:p>
    <w:p w14:paraId="79BD0FCE" w14:textId="77777777" w:rsidR="007D5B77" w:rsidRDefault="007D5B77" w:rsidP="007D5B77">
      <w:pPr>
        <w:pStyle w:val="Tekstopmerking"/>
        <w:ind w:left="300"/>
      </w:pPr>
      <w:r>
        <w:t>Zandlaag doodlopend</w:t>
      </w:r>
    </w:p>
  </w:comment>
  <w:comment w:id="93" w:author="Daniël Kentrop" w:date="2025-04-25T11:50:00Z" w:initials="DK">
    <w:p w14:paraId="536205CC" w14:textId="77777777" w:rsidR="00C00C37" w:rsidRDefault="00C00C37" w:rsidP="00C00C37">
      <w:pPr>
        <w:pStyle w:val="Tekstopmerking"/>
      </w:pPr>
      <w:r>
        <w:rPr>
          <w:rStyle w:val="Verwijzingopmerking"/>
        </w:rPr>
        <w:annotationRef/>
      </w:r>
      <w:r>
        <w:t>Kijken of dit nodig is.</w:t>
      </w:r>
    </w:p>
  </w:comment>
  <w:comment w:id="94" w:author="Daniël Kentrop" w:date="2025-04-25T10:31:00Z" w:initials="DK">
    <w:p w14:paraId="70B80E4E" w14:textId="2070F71A" w:rsidR="00962B8E" w:rsidRDefault="00962B8E" w:rsidP="00962B8E">
      <w:pPr>
        <w:pStyle w:val="Tekstopmerking"/>
      </w:pPr>
      <w:r>
        <w:rPr>
          <w:rStyle w:val="Verwijzingopmerking"/>
        </w:rPr>
        <w:annotationRef/>
      </w:r>
      <w:r>
        <w:t>Plaatje toevoeg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8535EC2" w15:done="0"/>
  <w15:commentEx w15:paraId="79BD0FCE" w15:done="0"/>
  <w15:commentEx w15:paraId="536205CC" w15:done="0"/>
  <w15:commentEx w15:paraId="70B80E4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1F3652C4" w16cex:dateUtc="2025-07-11T12:17:00Z"/>
  <w16cex:commentExtensible w16cex:durableId="40793323" w16cex:dateUtc="2025-04-25T07:22:00Z"/>
  <w16cex:commentExtensible w16cex:durableId="0F2218B9" w16cex:dateUtc="2025-04-25T09:50:00Z"/>
  <w16cex:commentExtensible w16cex:durableId="0C60ABC3" w16cex:dateUtc="2025-04-25T08:3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8535EC2" w16cid:durableId="1F3652C4"/>
  <w16cid:commentId w16cid:paraId="79BD0FCE" w16cid:durableId="40793323"/>
  <w16cid:commentId w16cid:paraId="536205CC" w16cid:durableId="0F2218B9"/>
  <w16cid:commentId w16cid:paraId="70B80E4E" w16cid:durableId="0C60ABC3"/>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C9E063C" w14:textId="77777777" w:rsidR="00060517" w:rsidRDefault="00060517" w:rsidP="009E4B94">
      <w:pPr>
        <w:spacing w:line="240" w:lineRule="auto"/>
      </w:pPr>
      <w:r>
        <w:separator/>
      </w:r>
    </w:p>
  </w:endnote>
  <w:endnote w:type="continuationSeparator" w:id="0">
    <w:p w14:paraId="1E39BC0C" w14:textId="77777777" w:rsidR="00060517" w:rsidRDefault="00060517" w:rsidP="009E4B94">
      <w:pPr>
        <w:spacing w:line="240" w:lineRule="auto"/>
      </w:pPr>
      <w:r>
        <w:continuationSeparator/>
      </w:r>
    </w:p>
  </w:endnote>
  <w:endnote w:type="continuationNotice" w:id="1">
    <w:p w14:paraId="390658E7" w14:textId="77777777" w:rsidR="00060517" w:rsidRDefault="0006051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207E2F97"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4A1B16">
      <w:rPr>
        <w:noProof/>
        <w:szCs w:val="18"/>
      </w:rPr>
      <w:t>27</w:t>
    </w:r>
    <w:r>
      <w:rPr>
        <w:szCs w:val="18"/>
      </w:rPr>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7E7B5CB" w14:textId="77777777" w:rsidR="00060517" w:rsidRDefault="00060517" w:rsidP="009E4B94">
      <w:pPr>
        <w:spacing w:line="240" w:lineRule="auto"/>
      </w:pPr>
      <w:r>
        <w:separator/>
      </w:r>
    </w:p>
  </w:footnote>
  <w:footnote w:type="continuationSeparator" w:id="0">
    <w:p w14:paraId="1A2E118F" w14:textId="77777777" w:rsidR="00060517" w:rsidRDefault="00060517" w:rsidP="009E4B94">
      <w:pPr>
        <w:spacing w:line="240" w:lineRule="auto"/>
      </w:pPr>
      <w:r>
        <w:continuationSeparator/>
      </w:r>
    </w:p>
  </w:footnote>
  <w:footnote w:type="continuationNotice" w:id="1">
    <w:p w14:paraId="489CEC33" w14:textId="77777777" w:rsidR="00060517" w:rsidRDefault="00060517">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3EF08D5"/>
    <w:multiLevelType w:val="hybridMultilevel"/>
    <w:tmpl w:val="F1F02D0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8"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9"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10"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1" w15:restartNumberingAfterBreak="0">
    <w:nsid w:val="113254A9"/>
    <w:multiLevelType w:val="hybridMultilevel"/>
    <w:tmpl w:val="57689B2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3" w15:restartNumberingAfterBreak="0">
    <w:nsid w:val="131659F5"/>
    <w:multiLevelType w:val="hybridMultilevel"/>
    <w:tmpl w:val="9FD656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1DE816AE"/>
    <w:multiLevelType w:val="hybridMultilevel"/>
    <w:tmpl w:val="0EB8146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2B9113F6"/>
    <w:multiLevelType w:val="hybridMultilevel"/>
    <w:tmpl w:val="D8E8C63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2BA1780B"/>
    <w:multiLevelType w:val="hybridMultilevel"/>
    <w:tmpl w:val="16BA31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5"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8"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61EF5FEB"/>
    <w:multiLevelType w:val="hybridMultilevel"/>
    <w:tmpl w:val="589E1AD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68BC401D"/>
    <w:multiLevelType w:val="hybridMultilevel"/>
    <w:tmpl w:val="C7AA7C2C"/>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0"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1"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2"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3"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4"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45"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46"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2"/>
  </w:num>
  <w:num w:numId="2" w16cid:durableId="67921913">
    <w:abstractNumId w:val="9"/>
  </w:num>
  <w:num w:numId="3" w16cid:durableId="1054156441">
    <w:abstractNumId w:val="46"/>
  </w:num>
  <w:num w:numId="4" w16cid:durableId="678048396">
    <w:abstractNumId w:val="3"/>
  </w:num>
  <w:num w:numId="5" w16cid:durableId="1916931975">
    <w:abstractNumId w:val="2"/>
  </w:num>
  <w:num w:numId="6" w16cid:durableId="1561330539">
    <w:abstractNumId w:val="45"/>
  </w:num>
  <w:num w:numId="7" w16cid:durableId="460655411">
    <w:abstractNumId w:val="1"/>
  </w:num>
  <w:num w:numId="8" w16cid:durableId="1412463412">
    <w:abstractNumId w:val="0"/>
  </w:num>
  <w:num w:numId="9" w16cid:durableId="1842043718">
    <w:abstractNumId w:val="27"/>
  </w:num>
  <w:num w:numId="10" w16cid:durableId="1564681893">
    <w:abstractNumId w:val="7"/>
  </w:num>
  <w:num w:numId="11" w16cid:durableId="659969353">
    <w:abstractNumId w:val="44"/>
  </w:num>
  <w:num w:numId="12" w16cid:durableId="1240991367">
    <w:abstractNumId w:val="24"/>
  </w:num>
  <w:num w:numId="13" w16cid:durableId="425073958">
    <w:abstractNumId w:val="4"/>
  </w:num>
  <w:num w:numId="14" w16cid:durableId="269313726">
    <w:abstractNumId w:val="30"/>
  </w:num>
  <w:num w:numId="15" w16cid:durableId="957219616">
    <w:abstractNumId w:val="15"/>
  </w:num>
  <w:num w:numId="16" w16cid:durableId="476073670">
    <w:abstractNumId w:val="31"/>
  </w:num>
  <w:num w:numId="17" w16cid:durableId="750155687">
    <w:abstractNumId w:val="10"/>
  </w:num>
  <w:num w:numId="18" w16cid:durableId="1675762147">
    <w:abstractNumId w:val="34"/>
  </w:num>
  <w:num w:numId="19" w16cid:durableId="593321197">
    <w:abstractNumId w:val="28"/>
  </w:num>
  <w:num w:numId="20" w16cid:durableId="514610936">
    <w:abstractNumId w:val="23"/>
  </w:num>
  <w:num w:numId="21" w16cid:durableId="1882472501">
    <w:abstractNumId w:val="41"/>
  </w:num>
  <w:num w:numId="22" w16cid:durableId="2096438135">
    <w:abstractNumId w:val="33"/>
  </w:num>
  <w:num w:numId="23" w16cid:durableId="1786264760">
    <w:abstractNumId w:val="22"/>
  </w:num>
  <w:num w:numId="24" w16cid:durableId="556433189">
    <w:abstractNumId w:val="8"/>
  </w:num>
  <w:num w:numId="25" w16cid:durableId="539056946">
    <w:abstractNumId w:val="32"/>
  </w:num>
  <w:num w:numId="26" w16cid:durableId="1705666564">
    <w:abstractNumId w:val="19"/>
  </w:num>
  <w:num w:numId="27" w16cid:durableId="159389218">
    <w:abstractNumId w:val="25"/>
  </w:num>
  <w:num w:numId="28" w16cid:durableId="1762868892">
    <w:abstractNumId w:val="16"/>
  </w:num>
  <w:num w:numId="29" w16cid:durableId="1836415801">
    <w:abstractNumId w:val="14"/>
  </w:num>
  <w:num w:numId="30" w16cid:durableId="1853445743">
    <w:abstractNumId w:val="18"/>
  </w:num>
  <w:num w:numId="31" w16cid:durableId="2146118984">
    <w:abstractNumId w:val="42"/>
  </w:num>
  <w:num w:numId="32" w16cid:durableId="287783541">
    <w:abstractNumId w:val="40"/>
  </w:num>
  <w:num w:numId="33" w16cid:durableId="793208847">
    <w:abstractNumId w:val="36"/>
  </w:num>
  <w:num w:numId="34" w16cid:durableId="950823618">
    <w:abstractNumId w:val="43"/>
  </w:num>
  <w:num w:numId="35" w16cid:durableId="1727296855">
    <w:abstractNumId w:val="39"/>
  </w:num>
  <w:num w:numId="36" w16cid:durableId="452141620">
    <w:abstractNumId w:val="35"/>
  </w:num>
  <w:num w:numId="37" w16cid:durableId="573319985">
    <w:abstractNumId w:val="21"/>
  </w:num>
  <w:num w:numId="38" w16cid:durableId="1993289745">
    <w:abstractNumId w:val="12"/>
  </w:num>
  <w:num w:numId="39" w16cid:durableId="1286884381">
    <w:abstractNumId w:val="29"/>
  </w:num>
  <w:num w:numId="40" w16cid:durableId="1867138305">
    <w:abstractNumId w:val="38"/>
  </w:num>
  <w:num w:numId="41" w16cid:durableId="1401319641">
    <w:abstractNumId w:val="5"/>
  </w:num>
  <w:num w:numId="42" w16cid:durableId="1513031437">
    <w:abstractNumId w:val="26"/>
  </w:num>
  <w:num w:numId="43" w16cid:durableId="1340352825">
    <w:abstractNumId w:val="17"/>
  </w:num>
  <w:num w:numId="44" w16cid:durableId="1389110817">
    <w:abstractNumId w:val="6"/>
  </w:num>
  <w:num w:numId="45" w16cid:durableId="2099985605">
    <w:abstractNumId w:val="11"/>
  </w:num>
  <w:num w:numId="46" w16cid:durableId="1996836159">
    <w:abstractNumId w:val="20"/>
  </w:num>
  <w:num w:numId="47" w16cid:durableId="130025328">
    <w:abstractNumId w:val="13"/>
  </w:num>
  <w:num w:numId="48" w16cid:durableId="656610697">
    <w:abstractNumId w:val="37"/>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92C"/>
    <w:rsid w:val="00001943"/>
    <w:rsid w:val="0000259D"/>
    <w:rsid w:val="00002DD0"/>
    <w:rsid w:val="00003035"/>
    <w:rsid w:val="000031A0"/>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0F9"/>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37EE1"/>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517"/>
    <w:rsid w:val="00060644"/>
    <w:rsid w:val="0006073A"/>
    <w:rsid w:val="00060DE1"/>
    <w:rsid w:val="00061103"/>
    <w:rsid w:val="000612C8"/>
    <w:rsid w:val="00061961"/>
    <w:rsid w:val="00061CF3"/>
    <w:rsid w:val="00062288"/>
    <w:rsid w:val="00062855"/>
    <w:rsid w:val="000628C6"/>
    <w:rsid w:val="00063374"/>
    <w:rsid w:val="00063616"/>
    <w:rsid w:val="000637A1"/>
    <w:rsid w:val="00063D75"/>
    <w:rsid w:val="00064509"/>
    <w:rsid w:val="00064B69"/>
    <w:rsid w:val="00064D19"/>
    <w:rsid w:val="000658E6"/>
    <w:rsid w:val="00065CF3"/>
    <w:rsid w:val="000660BF"/>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56E"/>
    <w:rsid w:val="00072847"/>
    <w:rsid w:val="000738A2"/>
    <w:rsid w:val="000741AA"/>
    <w:rsid w:val="000749B9"/>
    <w:rsid w:val="00074D35"/>
    <w:rsid w:val="00074DEE"/>
    <w:rsid w:val="00075268"/>
    <w:rsid w:val="000753B0"/>
    <w:rsid w:val="00075C35"/>
    <w:rsid w:val="00076606"/>
    <w:rsid w:val="00077726"/>
    <w:rsid w:val="000803BB"/>
    <w:rsid w:val="000804A6"/>
    <w:rsid w:val="000805A2"/>
    <w:rsid w:val="00081051"/>
    <w:rsid w:val="000817E4"/>
    <w:rsid w:val="000819D4"/>
    <w:rsid w:val="00081ECC"/>
    <w:rsid w:val="000822F3"/>
    <w:rsid w:val="000829A2"/>
    <w:rsid w:val="00082B61"/>
    <w:rsid w:val="00082D9F"/>
    <w:rsid w:val="00082E69"/>
    <w:rsid w:val="00082FE9"/>
    <w:rsid w:val="00083615"/>
    <w:rsid w:val="00084AB8"/>
    <w:rsid w:val="00084EE4"/>
    <w:rsid w:val="00085006"/>
    <w:rsid w:val="0008578B"/>
    <w:rsid w:val="00085C9C"/>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35BB"/>
    <w:rsid w:val="000948C1"/>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5302"/>
    <w:rsid w:val="000A6247"/>
    <w:rsid w:val="000A6284"/>
    <w:rsid w:val="000A636A"/>
    <w:rsid w:val="000A6750"/>
    <w:rsid w:val="000A676D"/>
    <w:rsid w:val="000A6ECF"/>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07E"/>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4EF"/>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3A0E"/>
    <w:rsid w:val="000D4C96"/>
    <w:rsid w:val="000D4EB5"/>
    <w:rsid w:val="000D509C"/>
    <w:rsid w:val="000D5682"/>
    <w:rsid w:val="000D63F6"/>
    <w:rsid w:val="000D650A"/>
    <w:rsid w:val="000D6899"/>
    <w:rsid w:val="000D6EB4"/>
    <w:rsid w:val="000D7867"/>
    <w:rsid w:val="000E0061"/>
    <w:rsid w:val="000E013A"/>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6A03"/>
    <w:rsid w:val="000E6AAA"/>
    <w:rsid w:val="000E6AEC"/>
    <w:rsid w:val="000E6CC0"/>
    <w:rsid w:val="000E71B0"/>
    <w:rsid w:val="000E73B8"/>
    <w:rsid w:val="000E7A91"/>
    <w:rsid w:val="000E7A9D"/>
    <w:rsid w:val="000E7AA3"/>
    <w:rsid w:val="000F1459"/>
    <w:rsid w:val="000F18EA"/>
    <w:rsid w:val="000F1B5A"/>
    <w:rsid w:val="000F1C3B"/>
    <w:rsid w:val="000F1C6E"/>
    <w:rsid w:val="000F26ED"/>
    <w:rsid w:val="000F29A8"/>
    <w:rsid w:val="000F2E4A"/>
    <w:rsid w:val="000F2F2E"/>
    <w:rsid w:val="000F34DF"/>
    <w:rsid w:val="000F37C9"/>
    <w:rsid w:val="000F37E9"/>
    <w:rsid w:val="000F3842"/>
    <w:rsid w:val="000F389C"/>
    <w:rsid w:val="000F38FD"/>
    <w:rsid w:val="000F3B8D"/>
    <w:rsid w:val="000F3D26"/>
    <w:rsid w:val="000F4877"/>
    <w:rsid w:val="000F4EB3"/>
    <w:rsid w:val="000F5084"/>
    <w:rsid w:val="000F5295"/>
    <w:rsid w:val="000F55B4"/>
    <w:rsid w:val="000F5A3F"/>
    <w:rsid w:val="000F6161"/>
    <w:rsid w:val="000F6431"/>
    <w:rsid w:val="000F6989"/>
    <w:rsid w:val="000F6A1D"/>
    <w:rsid w:val="000F6C6F"/>
    <w:rsid w:val="000F6CF7"/>
    <w:rsid w:val="000F6E09"/>
    <w:rsid w:val="000F72BB"/>
    <w:rsid w:val="000F7D2F"/>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1B3"/>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374"/>
    <w:rsid w:val="001179AE"/>
    <w:rsid w:val="001201E5"/>
    <w:rsid w:val="00120511"/>
    <w:rsid w:val="001209B7"/>
    <w:rsid w:val="0012191F"/>
    <w:rsid w:val="00121B3D"/>
    <w:rsid w:val="00121BFF"/>
    <w:rsid w:val="00121DE0"/>
    <w:rsid w:val="0012217B"/>
    <w:rsid w:val="00122E7A"/>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1C4"/>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375"/>
    <w:rsid w:val="001514A0"/>
    <w:rsid w:val="00151B71"/>
    <w:rsid w:val="00151EF6"/>
    <w:rsid w:val="001524B7"/>
    <w:rsid w:val="0015357B"/>
    <w:rsid w:val="00153637"/>
    <w:rsid w:val="00153DC7"/>
    <w:rsid w:val="0015440A"/>
    <w:rsid w:val="00154442"/>
    <w:rsid w:val="00154B97"/>
    <w:rsid w:val="0015523F"/>
    <w:rsid w:val="001557C4"/>
    <w:rsid w:val="00155C30"/>
    <w:rsid w:val="00155EEA"/>
    <w:rsid w:val="00155FF5"/>
    <w:rsid w:val="00156416"/>
    <w:rsid w:val="001567F4"/>
    <w:rsid w:val="00156E8F"/>
    <w:rsid w:val="00156F61"/>
    <w:rsid w:val="0015766C"/>
    <w:rsid w:val="0015778F"/>
    <w:rsid w:val="00157951"/>
    <w:rsid w:val="00157A6C"/>
    <w:rsid w:val="00160A7D"/>
    <w:rsid w:val="001610C2"/>
    <w:rsid w:val="001611C9"/>
    <w:rsid w:val="0016168A"/>
    <w:rsid w:val="0016169A"/>
    <w:rsid w:val="0016231C"/>
    <w:rsid w:val="001626DC"/>
    <w:rsid w:val="00162D48"/>
    <w:rsid w:val="00163173"/>
    <w:rsid w:val="001633FF"/>
    <w:rsid w:val="001634EB"/>
    <w:rsid w:val="0016394A"/>
    <w:rsid w:val="0016475B"/>
    <w:rsid w:val="00164BDF"/>
    <w:rsid w:val="001652F7"/>
    <w:rsid w:val="0016539C"/>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5CF"/>
    <w:rsid w:val="001706E9"/>
    <w:rsid w:val="00170D26"/>
    <w:rsid w:val="001715BE"/>
    <w:rsid w:val="00171DBA"/>
    <w:rsid w:val="00172CF9"/>
    <w:rsid w:val="00173CB0"/>
    <w:rsid w:val="00173DEB"/>
    <w:rsid w:val="00173F32"/>
    <w:rsid w:val="00174770"/>
    <w:rsid w:val="00174915"/>
    <w:rsid w:val="00174CB7"/>
    <w:rsid w:val="00175736"/>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55"/>
    <w:rsid w:val="00182ADA"/>
    <w:rsid w:val="00182E33"/>
    <w:rsid w:val="001837BD"/>
    <w:rsid w:val="00183A20"/>
    <w:rsid w:val="001841DF"/>
    <w:rsid w:val="0018446B"/>
    <w:rsid w:val="00184A2C"/>
    <w:rsid w:val="00184CE8"/>
    <w:rsid w:val="00185520"/>
    <w:rsid w:val="00186046"/>
    <w:rsid w:val="001862D6"/>
    <w:rsid w:val="0018665E"/>
    <w:rsid w:val="00187F08"/>
    <w:rsid w:val="00190801"/>
    <w:rsid w:val="00190A53"/>
    <w:rsid w:val="001912EF"/>
    <w:rsid w:val="001914F4"/>
    <w:rsid w:val="00191649"/>
    <w:rsid w:val="001918BA"/>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6EF2"/>
    <w:rsid w:val="001A702A"/>
    <w:rsid w:val="001A730F"/>
    <w:rsid w:val="001A744D"/>
    <w:rsid w:val="001A7611"/>
    <w:rsid w:val="001A763E"/>
    <w:rsid w:val="001A7874"/>
    <w:rsid w:val="001A7A4B"/>
    <w:rsid w:val="001A7B32"/>
    <w:rsid w:val="001B0455"/>
    <w:rsid w:val="001B12A1"/>
    <w:rsid w:val="001B15A2"/>
    <w:rsid w:val="001B1AD5"/>
    <w:rsid w:val="001B2663"/>
    <w:rsid w:val="001B2FB3"/>
    <w:rsid w:val="001B309E"/>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48F"/>
    <w:rsid w:val="001C0DB4"/>
    <w:rsid w:val="001C1554"/>
    <w:rsid w:val="001C1DC1"/>
    <w:rsid w:val="001C1EE3"/>
    <w:rsid w:val="001C22DD"/>
    <w:rsid w:val="001C2C29"/>
    <w:rsid w:val="001C2CE8"/>
    <w:rsid w:val="001C3000"/>
    <w:rsid w:val="001C3289"/>
    <w:rsid w:val="001C408C"/>
    <w:rsid w:val="001C4CAE"/>
    <w:rsid w:val="001C5604"/>
    <w:rsid w:val="001C5E02"/>
    <w:rsid w:val="001C5E1C"/>
    <w:rsid w:val="001C669E"/>
    <w:rsid w:val="001C6785"/>
    <w:rsid w:val="001C6B6B"/>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34D"/>
    <w:rsid w:val="001E1685"/>
    <w:rsid w:val="001E26A8"/>
    <w:rsid w:val="001E2E5F"/>
    <w:rsid w:val="001E30A2"/>
    <w:rsid w:val="001E3AEB"/>
    <w:rsid w:val="001E45C1"/>
    <w:rsid w:val="001E4CC7"/>
    <w:rsid w:val="001E5207"/>
    <w:rsid w:val="001E5DB4"/>
    <w:rsid w:val="001E6085"/>
    <w:rsid w:val="001E6686"/>
    <w:rsid w:val="001E6901"/>
    <w:rsid w:val="001E6B60"/>
    <w:rsid w:val="001E6C02"/>
    <w:rsid w:val="001E7B1A"/>
    <w:rsid w:val="001E7D2E"/>
    <w:rsid w:val="001F027F"/>
    <w:rsid w:val="001F0864"/>
    <w:rsid w:val="001F0BE2"/>
    <w:rsid w:val="001F11E1"/>
    <w:rsid w:val="001F1B83"/>
    <w:rsid w:val="001F22E6"/>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5C9B"/>
    <w:rsid w:val="001F609A"/>
    <w:rsid w:val="001F6782"/>
    <w:rsid w:val="001F6F46"/>
    <w:rsid w:val="001F7BF1"/>
    <w:rsid w:val="0020083C"/>
    <w:rsid w:val="00200EA0"/>
    <w:rsid w:val="00201B59"/>
    <w:rsid w:val="00201BA6"/>
    <w:rsid w:val="0020203A"/>
    <w:rsid w:val="002030BD"/>
    <w:rsid w:val="0020540B"/>
    <w:rsid w:val="002056C2"/>
    <w:rsid w:val="002057CA"/>
    <w:rsid w:val="00205D6F"/>
    <w:rsid w:val="00206199"/>
    <w:rsid w:val="0020668F"/>
    <w:rsid w:val="002067B2"/>
    <w:rsid w:val="002068C6"/>
    <w:rsid w:val="00206BB6"/>
    <w:rsid w:val="00206C90"/>
    <w:rsid w:val="002070B5"/>
    <w:rsid w:val="00207868"/>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269"/>
    <w:rsid w:val="0022256C"/>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3BE"/>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72"/>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19F4"/>
    <w:rsid w:val="0026205C"/>
    <w:rsid w:val="00262227"/>
    <w:rsid w:val="0026368C"/>
    <w:rsid w:val="00263706"/>
    <w:rsid w:val="002639BB"/>
    <w:rsid w:val="00263AC2"/>
    <w:rsid w:val="002643A4"/>
    <w:rsid w:val="0026454A"/>
    <w:rsid w:val="0026471A"/>
    <w:rsid w:val="0026594E"/>
    <w:rsid w:val="00265B4F"/>
    <w:rsid w:val="0026615E"/>
    <w:rsid w:val="0026638F"/>
    <w:rsid w:val="002669CA"/>
    <w:rsid w:val="00267882"/>
    <w:rsid w:val="00270B11"/>
    <w:rsid w:val="00270F47"/>
    <w:rsid w:val="00271159"/>
    <w:rsid w:val="002715B9"/>
    <w:rsid w:val="0027215D"/>
    <w:rsid w:val="00272228"/>
    <w:rsid w:val="00272739"/>
    <w:rsid w:val="00272A24"/>
    <w:rsid w:val="00272A4B"/>
    <w:rsid w:val="002730C6"/>
    <w:rsid w:val="00273D6C"/>
    <w:rsid w:val="002740D2"/>
    <w:rsid w:val="0027466B"/>
    <w:rsid w:val="00274948"/>
    <w:rsid w:val="00274AB5"/>
    <w:rsid w:val="00274CD9"/>
    <w:rsid w:val="0027558C"/>
    <w:rsid w:val="00275C47"/>
    <w:rsid w:val="00275D69"/>
    <w:rsid w:val="00276ADF"/>
    <w:rsid w:val="00276B77"/>
    <w:rsid w:val="00276CD7"/>
    <w:rsid w:val="00277256"/>
    <w:rsid w:val="00277AB2"/>
    <w:rsid w:val="00277C28"/>
    <w:rsid w:val="00280B19"/>
    <w:rsid w:val="00280D78"/>
    <w:rsid w:val="002814AB"/>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1776"/>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D5D"/>
    <w:rsid w:val="002A2E17"/>
    <w:rsid w:val="002A2F3F"/>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99"/>
    <w:rsid w:val="002C64EA"/>
    <w:rsid w:val="002C6869"/>
    <w:rsid w:val="002C68D9"/>
    <w:rsid w:val="002C6B34"/>
    <w:rsid w:val="002C6E16"/>
    <w:rsid w:val="002C70C7"/>
    <w:rsid w:val="002C743E"/>
    <w:rsid w:val="002C7854"/>
    <w:rsid w:val="002C7BD1"/>
    <w:rsid w:val="002D03C6"/>
    <w:rsid w:val="002D0708"/>
    <w:rsid w:val="002D086E"/>
    <w:rsid w:val="002D0AF2"/>
    <w:rsid w:val="002D0F89"/>
    <w:rsid w:val="002D10F6"/>
    <w:rsid w:val="002D2330"/>
    <w:rsid w:val="002D24C5"/>
    <w:rsid w:val="002D371B"/>
    <w:rsid w:val="002D37DB"/>
    <w:rsid w:val="002D3BB5"/>
    <w:rsid w:val="002D3C1C"/>
    <w:rsid w:val="002D49AE"/>
    <w:rsid w:val="002D4BB3"/>
    <w:rsid w:val="002D4E9C"/>
    <w:rsid w:val="002D5418"/>
    <w:rsid w:val="002D5421"/>
    <w:rsid w:val="002D64D6"/>
    <w:rsid w:val="002D7056"/>
    <w:rsid w:val="002D7C01"/>
    <w:rsid w:val="002E01E8"/>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39A6"/>
    <w:rsid w:val="003042F4"/>
    <w:rsid w:val="00304677"/>
    <w:rsid w:val="00304AA7"/>
    <w:rsid w:val="00304C19"/>
    <w:rsid w:val="003056CE"/>
    <w:rsid w:val="003057F1"/>
    <w:rsid w:val="00305AFA"/>
    <w:rsid w:val="003063E7"/>
    <w:rsid w:val="0030659D"/>
    <w:rsid w:val="003065A9"/>
    <w:rsid w:val="00306B7A"/>
    <w:rsid w:val="003076FF"/>
    <w:rsid w:val="003077A4"/>
    <w:rsid w:val="00307F0A"/>
    <w:rsid w:val="00310C9F"/>
    <w:rsid w:val="00310F51"/>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AFF"/>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4F6"/>
    <w:rsid w:val="00343782"/>
    <w:rsid w:val="00343B50"/>
    <w:rsid w:val="00343CB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2FFC"/>
    <w:rsid w:val="00353364"/>
    <w:rsid w:val="00353464"/>
    <w:rsid w:val="003536E1"/>
    <w:rsid w:val="00353D63"/>
    <w:rsid w:val="00355F8B"/>
    <w:rsid w:val="00356393"/>
    <w:rsid w:val="00356490"/>
    <w:rsid w:val="00356850"/>
    <w:rsid w:val="00356C48"/>
    <w:rsid w:val="00356DF1"/>
    <w:rsid w:val="003570D5"/>
    <w:rsid w:val="0035776A"/>
    <w:rsid w:val="003578F5"/>
    <w:rsid w:val="00357C1B"/>
    <w:rsid w:val="003610E0"/>
    <w:rsid w:val="003617F2"/>
    <w:rsid w:val="003623BE"/>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B15"/>
    <w:rsid w:val="00376F22"/>
    <w:rsid w:val="00376F66"/>
    <w:rsid w:val="003770BF"/>
    <w:rsid w:val="00377F08"/>
    <w:rsid w:val="0038027F"/>
    <w:rsid w:val="003804CC"/>
    <w:rsid w:val="00380670"/>
    <w:rsid w:val="00380C93"/>
    <w:rsid w:val="00381605"/>
    <w:rsid w:val="00381A42"/>
    <w:rsid w:val="00381BFF"/>
    <w:rsid w:val="00382B5B"/>
    <w:rsid w:val="00383305"/>
    <w:rsid w:val="0038343C"/>
    <w:rsid w:val="00384D00"/>
    <w:rsid w:val="00384E44"/>
    <w:rsid w:val="00384F02"/>
    <w:rsid w:val="003855B8"/>
    <w:rsid w:val="003857EB"/>
    <w:rsid w:val="00385956"/>
    <w:rsid w:val="00385A31"/>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A0238"/>
    <w:rsid w:val="003A111C"/>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A68"/>
    <w:rsid w:val="003A7E6A"/>
    <w:rsid w:val="003B0031"/>
    <w:rsid w:val="003B1363"/>
    <w:rsid w:val="003B1467"/>
    <w:rsid w:val="003B298C"/>
    <w:rsid w:val="003B2BEC"/>
    <w:rsid w:val="003B3052"/>
    <w:rsid w:val="003B35B0"/>
    <w:rsid w:val="003B5217"/>
    <w:rsid w:val="003B606C"/>
    <w:rsid w:val="003B640C"/>
    <w:rsid w:val="003B6ED8"/>
    <w:rsid w:val="003B6F6C"/>
    <w:rsid w:val="003B70D3"/>
    <w:rsid w:val="003B7E02"/>
    <w:rsid w:val="003C0623"/>
    <w:rsid w:val="003C0E25"/>
    <w:rsid w:val="003C0F26"/>
    <w:rsid w:val="003C10E5"/>
    <w:rsid w:val="003C17E6"/>
    <w:rsid w:val="003C1CF1"/>
    <w:rsid w:val="003C246F"/>
    <w:rsid w:val="003C26F9"/>
    <w:rsid w:val="003C39BA"/>
    <w:rsid w:val="003C45A6"/>
    <w:rsid w:val="003C4BCE"/>
    <w:rsid w:val="003C4F64"/>
    <w:rsid w:val="003C50B3"/>
    <w:rsid w:val="003C5193"/>
    <w:rsid w:val="003C60F1"/>
    <w:rsid w:val="003C64C2"/>
    <w:rsid w:val="003C6729"/>
    <w:rsid w:val="003C6BB3"/>
    <w:rsid w:val="003C7F0B"/>
    <w:rsid w:val="003D0381"/>
    <w:rsid w:val="003D0580"/>
    <w:rsid w:val="003D0726"/>
    <w:rsid w:val="003D0A69"/>
    <w:rsid w:val="003D30E3"/>
    <w:rsid w:val="003D4213"/>
    <w:rsid w:val="003D4233"/>
    <w:rsid w:val="003D47AE"/>
    <w:rsid w:val="003D47DC"/>
    <w:rsid w:val="003D4C55"/>
    <w:rsid w:val="003D50BB"/>
    <w:rsid w:val="003D52C4"/>
    <w:rsid w:val="003D5B40"/>
    <w:rsid w:val="003D6156"/>
    <w:rsid w:val="003D678E"/>
    <w:rsid w:val="003D6D62"/>
    <w:rsid w:val="003D794E"/>
    <w:rsid w:val="003D7F19"/>
    <w:rsid w:val="003E0060"/>
    <w:rsid w:val="003E01CE"/>
    <w:rsid w:val="003E0847"/>
    <w:rsid w:val="003E08A3"/>
    <w:rsid w:val="003E1423"/>
    <w:rsid w:val="003E2335"/>
    <w:rsid w:val="003E234C"/>
    <w:rsid w:val="003E286B"/>
    <w:rsid w:val="003E28F2"/>
    <w:rsid w:val="003E2D8F"/>
    <w:rsid w:val="003E2DBE"/>
    <w:rsid w:val="003E30D6"/>
    <w:rsid w:val="003E3383"/>
    <w:rsid w:val="003E3611"/>
    <w:rsid w:val="003E36BC"/>
    <w:rsid w:val="003E3B41"/>
    <w:rsid w:val="003E3C6C"/>
    <w:rsid w:val="003E3DC6"/>
    <w:rsid w:val="003E47A6"/>
    <w:rsid w:val="003E4858"/>
    <w:rsid w:val="003E4E75"/>
    <w:rsid w:val="003E58DF"/>
    <w:rsid w:val="003E594C"/>
    <w:rsid w:val="003E6B34"/>
    <w:rsid w:val="003E7813"/>
    <w:rsid w:val="003F0046"/>
    <w:rsid w:val="003F04C1"/>
    <w:rsid w:val="003F1307"/>
    <w:rsid w:val="003F1326"/>
    <w:rsid w:val="003F181A"/>
    <w:rsid w:val="003F2297"/>
    <w:rsid w:val="003F2898"/>
    <w:rsid w:val="003F3635"/>
    <w:rsid w:val="003F3C63"/>
    <w:rsid w:val="003F4213"/>
    <w:rsid w:val="003F4763"/>
    <w:rsid w:val="003F48D5"/>
    <w:rsid w:val="003F4BEE"/>
    <w:rsid w:val="003F4DBF"/>
    <w:rsid w:val="003F51E3"/>
    <w:rsid w:val="003F54FD"/>
    <w:rsid w:val="003F5988"/>
    <w:rsid w:val="003F59A5"/>
    <w:rsid w:val="003F5B46"/>
    <w:rsid w:val="003F6B15"/>
    <w:rsid w:val="003F6EA1"/>
    <w:rsid w:val="003F6FAC"/>
    <w:rsid w:val="003F7F5D"/>
    <w:rsid w:val="004000C5"/>
    <w:rsid w:val="00400730"/>
    <w:rsid w:val="004013E9"/>
    <w:rsid w:val="00401826"/>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519"/>
    <w:rsid w:val="004136F0"/>
    <w:rsid w:val="0041385F"/>
    <w:rsid w:val="004138E4"/>
    <w:rsid w:val="00413CE8"/>
    <w:rsid w:val="00413F5A"/>
    <w:rsid w:val="0041479D"/>
    <w:rsid w:val="00414A5F"/>
    <w:rsid w:val="0041583F"/>
    <w:rsid w:val="00416360"/>
    <w:rsid w:val="00416B83"/>
    <w:rsid w:val="0041752D"/>
    <w:rsid w:val="004176B2"/>
    <w:rsid w:val="00417B14"/>
    <w:rsid w:val="00417EDB"/>
    <w:rsid w:val="00420191"/>
    <w:rsid w:val="00420FCD"/>
    <w:rsid w:val="0042138A"/>
    <w:rsid w:val="004216B8"/>
    <w:rsid w:val="004216BA"/>
    <w:rsid w:val="00421706"/>
    <w:rsid w:val="00421949"/>
    <w:rsid w:val="004224D6"/>
    <w:rsid w:val="00422CE6"/>
    <w:rsid w:val="00423026"/>
    <w:rsid w:val="00423612"/>
    <w:rsid w:val="00423F7E"/>
    <w:rsid w:val="00424370"/>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A67"/>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8C7"/>
    <w:rsid w:val="00444B82"/>
    <w:rsid w:val="00444E22"/>
    <w:rsid w:val="00445065"/>
    <w:rsid w:val="004452CB"/>
    <w:rsid w:val="0044609B"/>
    <w:rsid w:val="0044688D"/>
    <w:rsid w:val="00447242"/>
    <w:rsid w:val="00450484"/>
    <w:rsid w:val="00451361"/>
    <w:rsid w:val="00451808"/>
    <w:rsid w:val="00451B31"/>
    <w:rsid w:val="00451C34"/>
    <w:rsid w:val="00451E59"/>
    <w:rsid w:val="00451FDD"/>
    <w:rsid w:val="004523B5"/>
    <w:rsid w:val="004523DC"/>
    <w:rsid w:val="00452457"/>
    <w:rsid w:val="0045254F"/>
    <w:rsid w:val="0045270B"/>
    <w:rsid w:val="00452A59"/>
    <w:rsid w:val="00453B29"/>
    <w:rsid w:val="00454169"/>
    <w:rsid w:val="0045458C"/>
    <w:rsid w:val="00454840"/>
    <w:rsid w:val="00454D1E"/>
    <w:rsid w:val="00455048"/>
    <w:rsid w:val="00455A44"/>
    <w:rsid w:val="00456D02"/>
    <w:rsid w:val="004570BA"/>
    <w:rsid w:val="0045721B"/>
    <w:rsid w:val="0045745E"/>
    <w:rsid w:val="004579E1"/>
    <w:rsid w:val="00457AD2"/>
    <w:rsid w:val="00457C54"/>
    <w:rsid w:val="004601BC"/>
    <w:rsid w:val="00460C63"/>
    <w:rsid w:val="004612AA"/>
    <w:rsid w:val="004618A7"/>
    <w:rsid w:val="00461F1B"/>
    <w:rsid w:val="0046286D"/>
    <w:rsid w:val="00462F2A"/>
    <w:rsid w:val="0046389C"/>
    <w:rsid w:val="004639E3"/>
    <w:rsid w:val="004648AC"/>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77617"/>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C87"/>
    <w:rsid w:val="00487890"/>
    <w:rsid w:val="00487C80"/>
    <w:rsid w:val="004903DF"/>
    <w:rsid w:val="00490D98"/>
    <w:rsid w:val="00491BCC"/>
    <w:rsid w:val="00491C1F"/>
    <w:rsid w:val="00491FE8"/>
    <w:rsid w:val="004922DF"/>
    <w:rsid w:val="00492A95"/>
    <w:rsid w:val="00492E19"/>
    <w:rsid w:val="00492EDD"/>
    <w:rsid w:val="00493127"/>
    <w:rsid w:val="004934A9"/>
    <w:rsid w:val="004937EE"/>
    <w:rsid w:val="0049441F"/>
    <w:rsid w:val="00494472"/>
    <w:rsid w:val="004944BE"/>
    <w:rsid w:val="00494511"/>
    <w:rsid w:val="004945D0"/>
    <w:rsid w:val="00494822"/>
    <w:rsid w:val="004954FD"/>
    <w:rsid w:val="00495C34"/>
    <w:rsid w:val="00495C4C"/>
    <w:rsid w:val="004960BC"/>
    <w:rsid w:val="0049720B"/>
    <w:rsid w:val="00497732"/>
    <w:rsid w:val="00497839"/>
    <w:rsid w:val="004A0527"/>
    <w:rsid w:val="004A09B5"/>
    <w:rsid w:val="004A0B39"/>
    <w:rsid w:val="004A0C3F"/>
    <w:rsid w:val="004A0E51"/>
    <w:rsid w:val="004A1B16"/>
    <w:rsid w:val="004A1BB8"/>
    <w:rsid w:val="004A216A"/>
    <w:rsid w:val="004A24F8"/>
    <w:rsid w:val="004A2A03"/>
    <w:rsid w:val="004A2CD7"/>
    <w:rsid w:val="004A3DA6"/>
    <w:rsid w:val="004A3FDF"/>
    <w:rsid w:val="004A41B8"/>
    <w:rsid w:val="004A459A"/>
    <w:rsid w:val="004A4691"/>
    <w:rsid w:val="004A4F61"/>
    <w:rsid w:val="004A5BF3"/>
    <w:rsid w:val="004A61A1"/>
    <w:rsid w:val="004A6748"/>
    <w:rsid w:val="004A7104"/>
    <w:rsid w:val="004A759C"/>
    <w:rsid w:val="004A7D14"/>
    <w:rsid w:val="004A7D53"/>
    <w:rsid w:val="004B045B"/>
    <w:rsid w:val="004B060F"/>
    <w:rsid w:val="004B0765"/>
    <w:rsid w:val="004B07ED"/>
    <w:rsid w:val="004B10DF"/>
    <w:rsid w:val="004B2868"/>
    <w:rsid w:val="004B2A77"/>
    <w:rsid w:val="004B2CA5"/>
    <w:rsid w:val="004B3355"/>
    <w:rsid w:val="004B36B9"/>
    <w:rsid w:val="004B3A3B"/>
    <w:rsid w:val="004B3F72"/>
    <w:rsid w:val="004B4590"/>
    <w:rsid w:val="004B46EB"/>
    <w:rsid w:val="004B4A5A"/>
    <w:rsid w:val="004B4CAD"/>
    <w:rsid w:val="004B5276"/>
    <w:rsid w:val="004B5884"/>
    <w:rsid w:val="004B5B5F"/>
    <w:rsid w:val="004B6167"/>
    <w:rsid w:val="004B6677"/>
    <w:rsid w:val="004B66C4"/>
    <w:rsid w:val="004B712B"/>
    <w:rsid w:val="004B7CA5"/>
    <w:rsid w:val="004B7DCA"/>
    <w:rsid w:val="004C01B2"/>
    <w:rsid w:val="004C0317"/>
    <w:rsid w:val="004C0778"/>
    <w:rsid w:val="004C13EE"/>
    <w:rsid w:val="004C1A07"/>
    <w:rsid w:val="004C1B3D"/>
    <w:rsid w:val="004C1CF6"/>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230"/>
    <w:rsid w:val="004C66F5"/>
    <w:rsid w:val="004C6D54"/>
    <w:rsid w:val="004C6E70"/>
    <w:rsid w:val="004C6E78"/>
    <w:rsid w:val="004C746A"/>
    <w:rsid w:val="004C748A"/>
    <w:rsid w:val="004C7CD8"/>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036"/>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9BC"/>
    <w:rsid w:val="004E5EB7"/>
    <w:rsid w:val="004E619C"/>
    <w:rsid w:val="004E65D0"/>
    <w:rsid w:val="004E66AB"/>
    <w:rsid w:val="004E6FC7"/>
    <w:rsid w:val="004E738F"/>
    <w:rsid w:val="004E7510"/>
    <w:rsid w:val="004E7966"/>
    <w:rsid w:val="004E79D4"/>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1EA1"/>
    <w:rsid w:val="00502179"/>
    <w:rsid w:val="005024D3"/>
    <w:rsid w:val="005030C0"/>
    <w:rsid w:val="00503621"/>
    <w:rsid w:val="0050464F"/>
    <w:rsid w:val="00504935"/>
    <w:rsid w:val="00504985"/>
    <w:rsid w:val="005055AF"/>
    <w:rsid w:val="00505612"/>
    <w:rsid w:val="00505850"/>
    <w:rsid w:val="005058B4"/>
    <w:rsid w:val="005062D8"/>
    <w:rsid w:val="00506D79"/>
    <w:rsid w:val="0050729C"/>
    <w:rsid w:val="0050731F"/>
    <w:rsid w:val="005074CC"/>
    <w:rsid w:val="00510F2F"/>
    <w:rsid w:val="00511138"/>
    <w:rsid w:val="0051113F"/>
    <w:rsid w:val="005111DF"/>
    <w:rsid w:val="0051136A"/>
    <w:rsid w:val="005115BE"/>
    <w:rsid w:val="005118C6"/>
    <w:rsid w:val="0051309F"/>
    <w:rsid w:val="0051370D"/>
    <w:rsid w:val="00513A59"/>
    <w:rsid w:val="00513F7B"/>
    <w:rsid w:val="005144F6"/>
    <w:rsid w:val="00514901"/>
    <w:rsid w:val="00514C55"/>
    <w:rsid w:val="0051511B"/>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4171"/>
    <w:rsid w:val="00535B56"/>
    <w:rsid w:val="00535E96"/>
    <w:rsid w:val="0053619F"/>
    <w:rsid w:val="00537963"/>
    <w:rsid w:val="00540348"/>
    <w:rsid w:val="00540E51"/>
    <w:rsid w:val="005418BD"/>
    <w:rsid w:val="00541CB8"/>
    <w:rsid w:val="00541D27"/>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58EF"/>
    <w:rsid w:val="0055627B"/>
    <w:rsid w:val="005567A9"/>
    <w:rsid w:val="005567B7"/>
    <w:rsid w:val="00556839"/>
    <w:rsid w:val="005569C4"/>
    <w:rsid w:val="00556BB0"/>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24FC"/>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77C0C"/>
    <w:rsid w:val="0058091C"/>
    <w:rsid w:val="00580E7C"/>
    <w:rsid w:val="0058144C"/>
    <w:rsid w:val="0058164C"/>
    <w:rsid w:val="005818F3"/>
    <w:rsid w:val="0058199C"/>
    <w:rsid w:val="0058274D"/>
    <w:rsid w:val="00582890"/>
    <w:rsid w:val="00582CF6"/>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FB0"/>
    <w:rsid w:val="005932AB"/>
    <w:rsid w:val="00593843"/>
    <w:rsid w:val="00593F37"/>
    <w:rsid w:val="00594151"/>
    <w:rsid w:val="005941CC"/>
    <w:rsid w:val="00594C38"/>
    <w:rsid w:val="00594DD5"/>
    <w:rsid w:val="00594E92"/>
    <w:rsid w:val="00595237"/>
    <w:rsid w:val="00596784"/>
    <w:rsid w:val="00596A7E"/>
    <w:rsid w:val="00597422"/>
    <w:rsid w:val="00597501"/>
    <w:rsid w:val="00597811"/>
    <w:rsid w:val="00597DC3"/>
    <w:rsid w:val="005A0094"/>
    <w:rsid w:val="005A03C9"/>
    <w:rsid w:val="005A05CF"/>
    <w:rsid w:val="005A0B12"/>
    <w:rsid w:val="005A0B15"/>
    <w:rsid w:val="005A161C"/>
    <w:rsid w:val="005A18F1"/>
    <w:rsid w:val="005A1BA3"/>
    <w:rsid w:val="005A1C38"/>
    <w:rsid w:val="005A26D5"/>
    <w:rsid w:val="005A28D4"/>
    <w:rsid w:val="005A2BEA"/>
    <w:rsid w:val="005A2CFA"/>
    <w:rsid w:val="005A3464"/>
    <w:rsid w:val="005A374A"/>
    <w:rsid w:val="005A3FA0"/>
    <w:rsid w:val="005A47BE"/>
    <w:rsid w:val="005A5E72"/>
    <w:rsid w:val="005A5F90"/>
    <w:rsid w:val="005A612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39B2"/>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67E"/>
    <w:rsid w:val="005C4847"/>
    <w:rsid w:val="005C48FB"/>
    <w:rsid w:val="005C4E5F"/>
    <w:rsid w:val="005C5155"/>
    <w:rsid w:val="005C545D"/>
    <w:rsid w:val="005C5D23"/>
    <w:rsid w:val="005C7726"/>
    <w:rsid w:val="005C7895"/>
    <w:rsid w:val="005D04E5"/>
    <w:rsid w:val="005D09E3"/>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68C2"/>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5198"/>
    <w:rsid w:val="005E699F"/>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BDF"/>
    <w:rsid w:val="005F3D88"/>
    <w:rsid w:val="005F3E8A"/>
    <w:rsid w:val="005F3F90"/>
    <w:rsid w:val="005F454A"/>
    <w:rsid w:val="005F455C"/>
    <w:rsid w:val="005F4720"/>
    <w:rsid w:val="005F4BD1"/>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4BD2"/>
    <w:rsid w:val="0060509D"/>
    <w:rsid w:val="006050AC"/>
    <w:rsid w:val="00605213"/>
    <w:rsid w:val="006054DD"/>
    <w:rsid w:val="00605956"/>
    <w:rsid w:val="0060656A"/>
    <w:rsid w:val="00606776"/>
    <w:rsid w:val="00607111"/>
    <w:rsid w:val="00607197"/>
    <w:rsid w:val="00607BC1"/>
    <w:rsid w:val="0061020B"/>
    <w:rsid w:val="00611ABB"/>
    <w:rsid w:val="00611BC8"/>
    <w:rsid w:val="00611C46"/>
    <w:rsid w:val="00611CE8"/>
    <w:rsid w:val="00612208"/>
    <w:rsid w:val="0061242A"/>
    <w:rsid w:val="00612586"/>
    <w:rsid w:val="00612BC3"/>
    <w:rsid w:val="00612C7D"/>
    <w:rsid w:val="00612CA9"/>
    <w:rsid w:val="00612D36"/>
    <w:rsid w:val="00613E95"/>
    <w:rsid w:val="00614498"/>
    <w:rsid w:val="00615059"/>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0B"/>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5FE4"/>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6F29"/>
    <w:rsid w:val="006477F5"/>
    <w:rsid w:val="00650392"/>
    <w:rsid w:val="00651548"/>
    <w:rsid w:val="00651BF9"/>
    <w:rsid w:val="00652269"/>
    <w:rsid w:val="0065234E"/>
    <w:rsid w:val="00652BD6"/>
    <w:rsid w:val="006531C3"/>
    <w:rsid w:val="00654551"/>
    <w:rsid w:val="00654591"/>
    <w:rsid w:val="00654B8C"/>
    <w:rsid w:val="006551AE"/>
    <w:rsid w:val="00655650"/>
    <w:rsid w:val="006557A0"/>
    <w:rsid w:val="00655A7B"/>
    <w:rsid w:val="00655B49"/>
    <w:rsid w:val="00655F75"/>
    <w:rsid w:val="00655FFD"/>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5EDC"/>
    <w:rsid w:val="006666E9"/>
    <w:rsid w:val="006667D3"/>
    <w:rsid w:val="00667308"/>
    <w:rsid w:val="00667A62"/>
    <w:rsid w:val="00670E21"/>
    <w:rsid w:val="00670EEC"/>
    <w:rsid w:val="0067137D"/>
    <w:rsid w:val="006714F4"/>
    <w:rsid w:val="00671855"/>
    <w:rsid w:val="006719FB"/>
    <w:rsid w:val="00672495"/>
    <w:rsid w:val="00672732"/>
    <w:rsid w:val="00672FC9"/>
    <w:rsid w:val="00673042"/>
    <w:rsid w:val="006730EA"/>
    <w:rsid w:val="00673D59"/>
    <w:rsid w:val="0067425B"/>
    <w:rsid w:val="00674827"/>
    <w:rsid w:val="006748CA"/>
    <w:rsid w:val="00674941"/>
    <w:rsid w:val="00675944"/>
    <w:rsid w:val="00675AF6"/>
    <w:rsid w:val="00675DAB"/>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4DE"/>
    <w:rsid w:val="006A05ED"/>
    <w:rsid w:val="006A091E"/>
    <w:rsid w:val="006A0A4B"/>
    <w:rsid w:val="006A0FF1"/>
    <w:rsid w:val="006A1677"/>
    <w:rsid w:val="006A1AFA"/>
    <w:rsid w:val="006A20E2"/>
    <w:rsid w:val="006A32D5"/>
    <w:rsid w:val="006A3C2D"/>
    <w:rsid w:val="006A3FD0"/>
    <w:rsid w:val="006A43CA"/>
    <w:rsid w:val="006A479F"/>
    <w:rsid w:val="006A5C87"/>
    <w:rsid w:val="006A5EA1"/>
    <w:rsid w:val="006A69E0"/>
    <w:rsid w:val="006A7260"/>
    <w:rsid w:val="006A737A"/>
    <w:rsid w:val="006A7A89"/>
    <w:rsid w:val="006A7D7D"/>
    <w:rsid w:val="006B04BE"/>
    <w:rsid w:val="006B0BE5"/>
    <w:rsid w:val="006B0FA3"/>
    <w:rsid w:val="006B1248"/>
    <w:rsid w:val="006B13A8"/>
    <w:rsid w:val="006B18B8"/>
    <w:rsid w:val="006B26B8"/>
    <w:rsid w:val="006B299B"/>
    <w:rsid w:val="006B2A75"/>
    <w:rsid w:val="006B30A9"/>
    <w:rsid w:val="006B3FCB"/>
    <w:rsid w:val="006B4892"/>
    <w:rsid w:val="006B683E"/>
    <w:rsid w:val="006B70C5"/>
    <w:rsid w:val="006B79DD"/>
    <w:rsid w:val="006B7C7C"/>
    <w:rsid w:val="006B7D40"/>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493"/>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CB1"/>
    <w:rsid w:val="006E2D1A"/>
    <w:rsid w:val="006E303C"/>
    <w:rsid w:val="006E34B6"/>
    <w:rsid w:val="006E39D1"/>
    <w:rsid w:val="006E3CCE"/>
    <w:rsid w:val="006E4297"/>
    <w:rsid w:val="006E42B0"/>
    <w:rsid w:val="006E434F"/>
    <w:rsid w:val="006E4591"/>
    <w:rsid w:val="006E4F74"/>
    <w:rsid w:val="006E547B"/>
    <w:rsid w:val="006E5617"/>
    <w:rsid w:val="006E59EA"/>
    <w:rsid w:val="006E5E7D"/>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40D"/>
    <w:rsid w:val="006F5890"/>
    <w:rsid w:val="006F5910"/>
    <w:rsid w:val="006F6435"/>
    <w:rsid w:val="006F65E2"/>
    <w:rsid w:val="006F6759"/>
    <w:rsid w:val="006F6A16"/>
    <w:rsid w:val="006F6B06"/>
    <w:rsid w:val="006F741D"/>
    <w:rsid w:val="006F7EFA"/>
    <w:rsid w:val="00701092"/>
    <w:rsid w:val="00701264"/>
    <w:rsid w:val="00701D3C"/>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10257"/>
    <w:rsid w:val="00710BF0"/>
    <w:rsid w:val="007114D4"/>
    <w:rsid w:val="00711782"/>
    <w:rsid w:val="00711B80"/>
    <w:rsid w:val="007123F9"/>
    <w:rsid w:val="0071268A"/>
    <w:rsid w:val="007127CC"/>
    <w:rsid w:val="007127D9"/>
    <w:rsid w:val="00712AF3"/>
    <w:rsid w:val="007130E0"/>
    <w:rsid w:val="00713216"/>
    <w:rsid w:val="0071374E"/>
    <w:rsid w:val="00713B73"/>
    <w:rsid w:val="00713DBD"/>
    <w:rsid w:val="00713E32"/>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5A0"/>
    <w:rsid w:val="007237F1"/>
    <w:rsid w:val="00724304"/>
    <w:rsid w:val="00724737"/>
    <w:rsid w:val="00724D49"/>
    <w:rsid w:val="007250D3"/>
    <w:rsid w:val="00725153"/>
    <w:rsid w:val="007258DD"/>
    <w:rsid w:val="007263F2"/>
    <w:rsid w:val="00726AB7"/>
    <w:rsid w:val="00726B33"/>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7BF"/>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11"/>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4FEB"/>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3375"/>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4C2"/>
    <w:rsid w:val="007D5594"/>
    <w:rsid w:val="007D5B77"/>
    <w:rsid w:val="007D634F"/>
    <w:rsid w:val="007D659E"/>
    <w:rsid w:val="007D6966"/>
    <w:rsid w:val="007D715E"/>
    <w:rsid w:val="007D7230"/>
    <w:rsid w:val="007E02D2"/>
    <w:rsid w:val="007E0C39"/>
    <w:rsid w:val="007E0C8A"/>
    <w:rsid w:val="007E0DCB"/>
    <w:rsid w:val="007E140D"/>
    <w:rsid w:val="007E1563"/>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0776"/>
    <w:rsid w:val="008010F2"/>
    <w:rsid w:val="00801245"/>
    <w:rsid w:val="00801327"/>
    <w:rsid w:val="0080145F"/>
    <w:rsid w:val="00801991"/>
    <w:rsid w:val="00801EF0"/>
    <w:rsid w:val="008023D6"/>
    <w:rsid w:val="00802CD6"/>
    <w:rsid w:val="008031B9"/>
    <w:rsid w:val="008038D1"/>
    <w:rsid w:val="00803D56"/>
    <w:rsid w:val="00803EAF"/>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1B2"/>
    <w:rsid w:val="008156EA"/>
    <w:rsid w:val="00815779"/>
    <w:rsid w:val="00815F0B"/>
    <w:rsid w:val="00815F6A"/>
    <w:rsid w:val="00816867"/>
    <w:rsid w:val="00820041"/>
    <w:rsid w:val="0082005A"/>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500"/>
    <w:rsid w:val="00831B44"/>
    <w:rsid w:val="008323EF"/>
    <w:rsid w:val="008324AF"/>
    <w:rsid w:val="008325D6"/>
    <w:rsid w:val="00832F7C"/>
    <w:rsid w:val="00833DE1"/>
    <w:rsid w:val="0083468B"/>
    <w:rsid w:val="0083475C"/>
    <w:rsid w:val="00835190"/>
    <w:rsid w:val="00835849"/>
    <w:rsid w:val="00836030"/>
    <w:rsid w:val="00836184"/>
    <w:rsid w:val="008361F4"/>
    <w:rsid w:val="0083729B"/>
    <w:rsid w:val="008378F7"/>
    <w:rsid w:val="00837DD9"/>
    <w:rsid w:val="00837FB0"/>
    <w:rsid w:val="0084072F"/>
    <w:rsid w:val="00840C45"/>
    <w:rsid w:val="00840CED"/>
    <w:rsid w:val="00840FC0"/>
    <w:rsid w:val="008411B8"/>
    <w:rsid w:val="008415D1"/>
    <w:rsid w:val="00841B6A"/>
    <w:rsid w:val="00841B72"/>
    <w:rsid w:val="00841BF3"/>
    <w:rsid w:val="00841CA8"/>
    <w:rsid w:val="00841D19"/>
    <w:rsid w:val="00841D4F"/>
    <w:rsid w:val="00842361"/>
    <w:rsid w:val="0084243D"/>
    <w:rsid w:val="008428A4"/>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BA"/>
    <w:rsid w:val="008463ED"/>
    <w:rsid w:val="00846634"/>
    <w:rsid w:val="008470C8"/>
    <w:rsid w:val="008470F3"/>
    <w:rsid w:val="00847AC6"/>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21C"/>
    <w:rsid w:val="008704AA"/>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4CA6"/>
    <w:rsid w:val="00874D6F"/>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4D86"/>
    <w:rsid w:val="008955A3"/>
    <w:rsid w:val="00896171"/>
    <w:rsid w:val="00896284"/>
    <w:rsid w:val="0089706F"/>
    <w:rsid w:val="008972CB"/>
    <w:rsid w:val="008A04AE"/>
    <w:rsid w:val="008A06F4"/>
    <w:rsid w:val="008A071C"/>
    <w:rsid w:val="008A0F73"/>
    <w:rsid w:val="008A1431"/>
    <w:rsid w:val="008A167E"/>
    <w:rsid w:val="008A1BE0"/>
    <w:rsid w:val="008A2132"/>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44B"/>
    <w:rsid w:val="008B5B69"/>
    <w:rsid w:val="008B5EF9"/>
    <w:rsid w:val="008B63EA"/>
    <w:rsid w:val="008B6554"/>
    <w:rsid w:val="008B66B1"/>
    <w:rsid w:val="008B6C27"/>
    <w:rsid w:val="008B6C4A"/>
    <w:rsid w:val="008B6CBC"/>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3C0"/>
    <w:rsid w:val="008C47AB"/>
    <w:rsid w:val="008C4B9C"/>
    <w:rsid w:val="008C51EE"/>
    <w:rsid w:val="008C5AA6"/>
    <w:rsid w:val="008C5B3F"/>
    <w:rsid w:val="008C5FBE"/>
    <w:rsid w:val="008C60FB"/>
    <w:rsid w:val="008C6502"/>
    <w:rsid w:val="008C651E"/>
    <w:rsid w:val="008C6913"/>
    <w:rsid w:val="008C6C64"/>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3B"/>
    <w:rsid w:val="008D2B8B"/>
    <w:rsid w:val="008D2F7E"/>
    <w:rsid w:val="008D426F"/>
    <w:rsid w:val="008D5659"/>
    <w:rsid w:val="008D5B95"/>
    <w:rsid w:val="008D6174"/>
    <w:rsid w:val="008D633F"/>
    <w:rsid w:val="008D6800"/>
    <w:rsid w:val="008D6DB0"/>
    <w:rsid w:val="008D6E1E"/>
    <w:rsid w:val="008D6F9F"/>
    <w:rsid w:val="008D73FF"/>
    <w:rsid w:val="008D7559"/>
    <w:rsid w:val="008D75EB"/>
    <w:rsid w:val="008D7A3D"/>
    <w:rsid w:val="008E0091"/>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C50"/>
    <w:rsid w:val="008F4D20"/>
    <w:rsid w:val="008F605E"/>
    <w:rsid w:val="008F60EC"/>
    <w:rsid w:val="008F64B7"/>
    <w:rsid w:val="008F6D15"/>
    <w:rsid w:val="008F76E4"/>
    <w:rsid w:val="008F7A90"/>
    <w:rsid w:val="008F7AE2"/>
    <w:rsid w:val="00900640"/>
    <w:rsid w:val="0090077F"/>
    <w:rsid w:val="00900C51"/>
    <w:rsid w:val="009010AE"/>
    <w:rsid w:val="009011F9"/>
    <w:rsid w:val="0090164E"/>
    <w:rsid w:val="009017F5"/>
    <w:rsid w:val="00901981"/>
    <w:rsid w:val="009019E5"/>
    <w:rsid w:val="00901AE6"/>
    <w:rsid w:val="00902010"/>
    <w:rsid w:val="009025A9"/>
    <w:rsid w:val="00902C1A"/>
    <w:rsid w:val="00902CC5"/>
    <w:rsid w:val="00902FCA"/>
    <w:rsid w:val="00903381"/>
    <w:rsid w:val="009039A7"/>
    <w:rsid w:val="00903BB6"/>
    <w:rsid w:val="00903DF0"/>
    <w:rsid w:val="00904342"/>
    <w:rsid w:val="009048F4"/>
    <w:rsid w:val="00904C32"/>
    <w:rsid w:val="00904D02"/>
    <w:rsid w:val="009052A4"/>
    <w:rsid w:val="00905405"/>
    <w:rsid w:val="009062F7"/>
    <w:rsid w:val="00906424"/>
    <w:rsid w:val="00906F91"/>
    <w:rsid w:val="0090733C"/>
    <w:rsid w:val="00907576"/>
    <w:rsid w:val="00907825"/>
    <w:rsid w:val="00907B62"/>
    <w:rsid w:val="00907E3A"/>
    <w:rsid w:val="009108DC"/>
    <w:rsid w:val="00910C89"/>
    <w:rsid w:val="00910D96"/>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5E6"/>
    <w:rsid w:val="0091784D"/>
    <w:rsid w:val="0091794E"/>
    <w:rsid w:val="009202E6"/>
    <w:rsid w:val="00920C8D"/>
    <w:rsid w:val="00920F5C"/>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1996"/>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BE2"/>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2B92"/>
    <w:rsid w:val="00953B10"/>
    <w:rsid w:val="00954023"/>
    <w:rsid w:val="00954271"/>
    <w:rsid w:val="00954600"/>
    <w:rsid w:val="009546B0"/>
    <w:rsid w:val="0095471E"/>
    <w:rsid w:val="00954959"/>
    <w:rsid w:val="00954CE5"/>
    <w:rsid w:val="009560B9"/>
    <w:rsid w:val="0095656F"/>
    <w:rsid w:val="00956A07"/>
    <w:rsid w:val="009570E6"/>
    <w:rsid w:val="0095789C"/>
    <w:rsid w:val="00957D66"/>
    <w:rsid w:val="00960042"/>
    <w:rsid w:val="00960CAA"/>
    <w:rsid w:val="00961092"/>
    <w:rsid w:val="00961CCF"/>
    <w:rsid w:val="00961F6A"/>
    <w:rsid w:val="00961FDD"/>
    <w:rsid w:val="00961FFF"/>
    <w:rsid w:val="00962B8E"/>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739"/>
    <w:rsid w:val="009829FF"/>
    <w:rsid w:val="00982AFA"/>
    <w:rsid w:val="00982B52"/>
    <w:rsid w:val="00982F79"/>
    <w:rsid w:val="009838B8"/>
    <w:rsid w:val="009839F8"/>
    <w:rsid w:val="0098429B"/>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03E"/>
    <w:rsid w:val="00994894"/>
    <w:rsid w:val="009950DB"/>
    <w:rsid w:val="00996133"/>
    <w:rsid w:val="009961BF"/>
    <w:rsid w:val="009961DC"/>
    <w:rsid w:val="009962AB"/>
    <w:rsid w:val="00996335"/>
    <w:rsid w:val="0099688E"/>
    <w:rsid w:val="009968EB"/>
    <w:rsid w:val="00997130"/>
    <w:rsid w:val="009971B8"/>
    <w:rsid w:val="0099724F"/>
    <w:rsid w:val="0099736A"/>
    <w:rsid w:val="00997907"/>
    <w:rsid w:val="00997B84"/>
    <w:rsid w:val="009A0CD9"/>
    <w:rsid w:val="009A0D35"/>
    <w:rsid w:val="009A1466"/>
    <w:rsid w:val="009A17CF"/>
    <w:rsid w:val="009A1D3F"/>
    <w:rsid w:val="009A2880"/>
    <w:rsid w:val="009A2969"/>
    <w:rsid w:val="009A32E6"/>
    <w:rsid w:val="009A37DD"/>
    <w:rsid w:val="009A37F0"/>
    <w:rsid w:val="009A3CE9"/>
    <w:rsid w:val="009A3E77"/>
    <w:rsid w:val="009A3EA1"/>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075"/>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90F"/>
    <w:rsid w:val="009C3D6D"/>
    <w:rsid w:val="009C3E1C"/>
    <w:rsid w:val="009C40F4"/>
    <w:rsid w:val="009C44F1"/>
    <w:rsid w:val="009C4C4C"/>
    <w:rsid w:val="009C5259"/>
    <w:rsid w:val="009C5B62"/>
    <w:rsid w:val="009C5F32"/>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0FE"/>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541"/>
    <w:rsid w:val="009E19DD"/>
    <w:rsid w:val="009E1D3A"/>
    <w:rsid w:val="009E1E84"/>
    <w:rsid w:val="009E1E8C"/>
    <w:rsid w:val="009E29A8"/>
    <w:rsid w:val="009E2CE2"/>
    <w:rsid w:val="009E30DF"/>
    <w:rsid w:val="009E3B4D"/>
    <w:rsid w:val="009E439D"/>
    <w:rsid w:val="009E4B94"/>
    <w:rsid w:val="009E4F33"/>
    <w:rsid w:val="009E5F92"/>
    <w:rsid w:val="009E64A9"/>
    <w:rsid w:val="009E6998"/>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0B3"/>
    <w:rsid w:val="00A035BD"/>
    <w:rsid w:val="00A03783"/>
    <w:rsid w:val="00A03810"/>
    <w:rsid w:val="00A03B67"/>
    <w:rsid w:val="00A04449"/>
    <w:rsid w:val="00A049E9"/>
    <w:rsid w:val="00A05384"/>
    <w:rsid w:val="00A05415"/>
    <w:rsid w:val="00A05993"/>
    <w:rsid w:val="00A05DDF"/>
    <w:rsid w:val="00A0662B"/>
    <w:rsid w:val="00A0662C"/>
    <w:rsid w:val="00A06667"/>
    <w:rsid w:val="00A06B86"/>
    <w:rsid w:val="00A070C6"/>
    <w:rsid w:val="00A0717C"/>
    <w:rsid w:val="00A07532"/>
    <w:rsid w:val="00A07A4E"/>
    <w:rsid w:val="00A10034"/>
    <w:rsid w:val="00A104AE"/>
    <w:rsid w:val="00A10E40"/>
    <w:rsid w:val="00A11193"/>
    <w:rsid w:val="00A1124F"/>
    <w:rsid w:val="00A113F0"/>
    <w:rsid w:val="00A11620"/>
    <w:rsid w:val="00A11636"/>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361F"/>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13A"/>
    <w:rsid w:val="00A412FA"/>
    <w:rsid w:val="00A418AE"/>
    <w:rsid w:val="00A41BB4"/>
    <w:rsid w:val="00A41D3B"/>
    <w:rsid w:val="00A41D98"/>
    <w:rsid w:val="00A41E17"/>
    <w:rsid w:val="00A42104"/>
    <w:rsid w:val="00A42241"/>
    <w:rsid w:val="00A427A2"/>
    <w:rsid w:val="00A42D84"/>
    <w:rsid w:val="00A44324"/>
    <w:rsid w:val="00A44868"/>
    <w:rsid w:val="00A4488B"/>
    <w:rsid w:val="00A44CEB"/>
    <w:rsid w:val="00A45703"/>
    <w:rsid w:val="00A457FE"/>
    <w:rsid w:val="00A4600A"/>
    <w:rsid w:val="00A4618A"/>
    <w:rsid w:val="00A4649E"/>
    <w:rsid w:val="00A464EB"/>
    <w:rsid w:val="00A4692C"/>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553"/>
    <w:rsid w:val="00A71789"/>
    <w:rsid w:val="00A719C3"/>
    <w:rsid w:val="00A71B1F"/>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C45"/>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B85"/>
    <w:rsid w:val="00A87028"/>
    <w:rsid w:val="00A87827"/>
    <w:rsid w:val="00A87EA1"/>
    <w:rsid w:val="00A9033E"/>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0F3"/>
    <w:rsid w:val="00A953CB"/>
    <w:rsid w:val="00A955E9"/>
    <w:rsid w:val="00A956EE"/>
    <w:rsid w:val="00A958DF"/>
    <w:rsid w:val="00A95EA3"/>
    <w:rsid w:val="00A961E3"/>
    <w:rsid w:val="00A9628E"/>
    <w:rsid w:val="00A9647A"/>
    <w:rsid w:val="00A964B5"/>
    <w:rsid w:val="00A96B1F"/>
    <w:rsid w:val="00A9715D"/>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2F74"/>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62D"/>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53C3"/>
    <w:rsid w:val="00AB60DA"/>
    <w:rsid w:val="00AB6313"/>
    <w:rsid w:val="00AB6409"/>
    <w:rsid w:val="00AB686E"/>
    <w:rsid w:val="00AB7022"/>
    <w:rsid w:val="00AB711A"/>
    <w:rsid w:val="00AB75C8"/>
    <w:rsid w:val="00AB7868"/>
    <w:rsid w:val="00AB798D"/>
    <w:rsid w:val="00AB79DB"/>
    <w:rsid w:val="00AC0006"/>
    <w:rsid w:val="00AC03A2"/>
    <w:rsid w:val="00AC2330"/>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95A"/>
    <w:rsid w:val="00AC7B66"/>
    <w:rsid w:val="00AD01D0"/>
    <w:rsid w:val="00AD05F1"/>
    <w:rsid w:val="00AD0A4A"/>
    <w:rsid w:val="00AD0D68"/>
    <w:rsid w:val="00AD0FCB"/>
    <w:rsid w:val="00AD19F0"/>
    <w:rsid w:val="00AD19F6"/>
    <w:rsid w:val="00AD2351"/>
    <w:rsid w:val="00AD25DA"/>
    <w:rsid w:val="00AD2795"/>
    <w:rsid w:val="00AD2976"/>
    <w:rsid w:val="00AD34B2"/>
    <w:rsid w:val="00AD34EB"/>
    <w:rsid w:val="00AD469D"/>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5432"/>
    <w:rsid w:val="00AE6071"/>
    <w:rsid w:val="00AE69BE"/>
    <w:rsid w:val="00AE7295"/>
    <w:rsid w:val="00AE7858"/>
    <w:rsid w:val="00AE7860"/>
    <w:rsid w:val="00AE7E90"/>
    <w:rsid w:val="00AF03B0"/>
    <w:rsid w:val="00AF0635"/>
    <w:rsid w:val="00AF0849"/>
    <w:rsid w:val="00AF0962"/>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1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194C"/>
    <w:rsid w:val="00B01B06"/>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77A"/>
    <w:rsid w:val="00B33AF8"/>
    <w:rsid w:val="00B34B2F"/>
    <w:rsid w:val="00B35238"/>
    <w:rsid w:val="00B355D7"/>
    <w:rsid w:val="00B3585C"/>
    <w:rsid w:val="00B35BF7"/>
    <w:rsid w:val="00B35DF9"/>
    <w:rsid w:val="00B36063"/>
    <w:rsid w:val="00B36274"/>
    <w:rsid w:val="00B3671D"/>
    <w:rsid w:val="00B37019"/>
    <w:rsid w:val="00B37E67"/>
    <w:rsid w:val="00B40135"/>
    <w:rsid w:val="00B409C3"/>
    <w:rsid w:val="00B40DC7"/>
    <w:rsid w:val="00B40E54"/>
    <w:rsid w:val="00B41BE9"/>
    <w:rsid w:val="00B41EAF"/>
    <w:rsid w:val="00B42A92"/>
    <w:rsid w:val="00B42EA3"/>
    <w:rsid w:val="00B43729"/>
    <w:rsid w:val="00B43776"/>
    <w:rsid w:val="00B43E4A"/>
    <w:rsid w:val="00B44E4C"/>
    <w:rsid w:val="00B4512F"/>
    <w:rsid w:val="00B454F1"/>
    <w:rsid w:val="00B459EC"/>
    <w:rsid w:val="00B45B19"/>
    <w:rsid w:val="00B45DCF"/>
    <w:rsid w:val="00B46CAA"/>
    <w:rsid w:val="00B46D10"/>
    <w:rsid w:val="00B47D73"/>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CDB"/>
    <w:rsid w:val="00B56F2E"/>
    <w:rsid w:val="00B57B29"/>
    <w:rsid w:val="00B60195"/>
    <w:rsid w:val="00B60615"/>
    <w:rsid w:val="00B60A67"/>
    <w:rsid w:val="00B60C4B"/>
    <w:rsid w:val="00B61F7C"/>
    <w:rsid w:val="00B62926"/>
    <w:rsid w:val="00B62BD6"/>
    <w:rsid w:val="00B62E21"/>
    <w:rsid w:val="00B62F96"/>
    <w:rsid w:val="00B631D8"/>
    <w:rsid w:val="00B631E1"/>
    <w:rsid w:val="00B6382C"/>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859"/>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CEB"/>
    <w:rsid w:val="00B87E66"/>
    <w:rsid w:val="00B900AE"/>
    <w:rsid w:val="00B907A7"/>
    <w:rsid w:val="00B9164F"/>
    <w:rsid w:val="00B9194C"/>
    <w:rsid w:val="00B920A9"/>
    <w:rsid w:val="00B92190"/>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0C1"/>
    <w:rsid w:val="00BA1423"/>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A7EEA"/>
    <w:rsid w:val="00BB0095"/>
    <w:rsid w:val="00BB05D2"/>
    <w:rsid w:val="00BB0B9A"/>
    <w:rsid w:val="00BB1050"/>
    <w:rsid w:val="00BB13C1"/>
    <w:rsid w:val="00BB1741"/>
    <w:rsid w:val="00BB1D3A"/>
    <w:rsid w:val="00BB1E11"/>
    <w:rsid w:val="00BB2089"/>
    <w:rsid w:val="00BB249C"/>
    <w:rsid w:val="00BB2878"/>
    <w:rsid w:val="00BB2926"/>
    <w:rsid w:val="00BB2F1F"/>
    <w:rsid w:val="00BB3520"/>
    <w:rsid w:val="00BB3793"/>
    <w:rsid w:val="00BB3D83"/>
    <w:rsid w:val="00BB3FA3"/>
    <w:rsid w:val="00BB490C"/>
    <w:rsid w:val="00BB499D"/>
    <w:rsid w:val="00BB4B84"/>
    <w:rsid w:val="00BB4CC4"/>
    <w:rsid w:val="00BB4F82"/>
    <w:rsid w:val="00BB526D"/>
    <w:rsid w:val="00BB5B92"/>
    <w:rsid w:val="00BB5DA9"/>
    <w:rsid w:val="00BB5E38"/>
    <w:rsid w:val="00BB5F09"/>
    <w:rsid w:val="00BB6791"/>
    <w:rsid w:val="00BB75BF"/>
    <w:rsid w:val="00BB766E"/>
    <w:rsid w:val="00BB7FDE"/>
    <w:rsid w:val="00BC08C4"/>
    <w:rsid w:val="00BC0FF4"/>
    <w:rsid w:val="00BC1058"/>
    <w:rsid w:val="00BC12AF"/>
    <w:rsid w:val="00BC1910"/>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0F33"/>
    <w:rsid w:val="00BD148B"/>
    <w:rsid w:val="00BD17AB"/>
    <w:rsid w:val="00BD18D8"/>
    <w:rsid w:val="00BD220E"/>
    <w:rsid w:val="00BD2D21"/>
    <w:rsid w:val="00BD32F8"/>
    <w:rsid w:val="00BD3713"/>
    <w:rsid w:val="00BD39F2"/>
    <w:rsid w:val="00BD3BB7"/>
    <w:rsid w:val="00BD3FD9"/>
    <w:rsid w:val="00BD40BB"/>
    <w:rsid w:val="00BD4476"/>
    <w:rsid w:val="00BD4D26"/>
    <w:rsid w:val="00BD53C4"/>
    <w:rsid w:val="00BD5CEE"/>
    <w:rsid w:val="00BD71B7"/>
    <w:rsid w:val="00BD744B"/>
    <w:rsid w:val="00BD78F0"/>
    <w:rsid w:val="00BE053B"/>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041"/>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5E6"/>
    <w:rsid w:val="00C01E28"/>
    <w:rsid w:val="00C01E61"/>
    <w:rsid w:val="00C01E9B"/>
    <w:rsid w:val="00C027CE"/>
    <w:rsid w:val="00C03630"/>
    <w:rsid w:val="00C03DAD"/>
    <w:rsid w:val="00C048F6"/>
    <w:rsid w:val="00C04B5E"/>
    <w:rsid w:val="00C04FC0"/>
    <w:rsid w:val="00C04FFF"/>
    <w:rsid w:val="00C051A9"/>
    <w:rsid w:val="00C051CA"/>
    <w:rsid w:val="00C0527F"/>
    <w:rsid w:val="00C053C6"/>
    <w:rsid w:val="00C05AD9"/>
    <w:rsid w:val="00C06912"/>
    <w:rsid w:val="00C072E7"/>
    <w:rsid w:val="00C072FD"/>
    <w:rsid w:val="00C075DB"/>
    <w:rsid w:val="00C079FE"/>
    <w:rsid w:val="00C108C3"/>
    <w:rsid w:val="00C10960"/>
    <w:rsid w:val="00C109DF"/>
    <w:rsid w:val="00C11501"/>
    <w:rsid w:val="00C11C99"/>
    <w:rsid w:val="00C11DB8"/>
    <w:rsid w:val="00C124A0"/>
    <w:rsid w:val="00C124A1"/>
    <w:rsid w:val="00C1250E"/>
    <w:rsid w:val="00C12799"/>
    <w:rsid w:val="00C12F95"/>
    <w:rsid w:val="00C136FA"/>
    <w:rsid w:val="00C1410A"/>
    <w:rsid w:val="00C14F51"/>
    <w:rsid w:val="00C150CD"/>
    <w:rsid w:val="00C15174"/>
    <w:rsid w:val="00C15265"/>
    <w:rsid w:val="00C157EF"/>
    <w:rsid w:val="00C158D1"/>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5F1D"/>
    <w:rsid w:val="00C265D0"/>
    <w:rsid w:val="00C269A8"/>
    <w:rsid w:val="00C277FE"/>
    <w:rsid w:val="00C27AFE"/>
    <w:rsid w:val="00C27D0C"/>
    <w:rsid w:val="00C310FD"/>
    <w:rsid w:val="00C31223"/>
    <w:rsid w:val="00C313CF"/>
    <w:rsid w:val="00C31586"/>
    <w:rsid w:val="00C31630"/>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37685"/>
    <w:rsid w:val="00C37AD3"/>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892"/>
    <w:rsid w:val="00C51A13"/>
    <w:rsid w:val="00C51EC8"/>
    <w:rsid w:val="00C524F5"/>
    <w:rsid w:val="00C52658"/>
    <w:rsid w:val="00C5295A"/>
    <w:rsid w:val="00C5376C"/>
    <w:rsid w:val="00C542FE"/>
    <w:rsid w:val="00C54D12"/>
    <w:rsid w:val="00C54F82"/>
    <w:rsid w:val="00C556BC"/>
    <w:rsid w:val="00C55EE3"/>
    <w:rsid w:val="00C56342"/>
    <w:rsid w:val="00C567F7"/>
    <w:rsid w:val="00C600AA"/>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ACF"/>
    <w:rsid w:val="00C73EA1"/>
    <w:rsid w:val="00C74190"/>
    <w:rsid w:val="00C746B8"/>
    <w:rsid w:val="00C749BE"/>
    <w:rsid w:val="00C74D9D"/>
    <w:rsid w:val="00C74DE1"/>
    <w:rsid w:val="00C74FB4"/>
    <w:rsid w:val="00C75320"/>
    <w:rsid w:val="00C756D6"/>
    <w:rsid w:val="00C760DA"/>
    <w:rsid w:val="00C76519"/>
    <w:rsid w:val="00C76688"/>
    <w:rsid w:val="00C766C4"/>
    <w:rsid w:val="00C76AEF"/>
    <w:rsid w:val="00C77138"/>
    <w:rsid w:val="00C77B9D"/>
    <w:rsid w:val="00C77BBA"/>
    <w:rsid w:val="00C80000"/>
    <w:rsid w:val="00C800FC"/>
    <w:rsid w:val="00C80101"/>
    <w:rsid w:val="00C8166F"/>
    <w:rsid w:val="00C8215B"/>
    <w:rsid w:val="00C82258"/>
    <w:rsid w:val="00C82330"/>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3F83"/>
    <w:rsid w:val="00C94DEC"/>
    <w:rsid w:val="00C9555A"/>
    <w:rsid w:val="00C95E5C"/>
    <w:rsid w:val="00C96812"/>
    <w:rsid w:val="00C96C10"/>
    <w:rsid w:val="00C97008"/>
    <w:rsid w:val="00C97057"/>
    <w:rsid w:val="00C97120"/>
    <w:rsid w:val="00C976A9"/>
    <w:rsid w:val="00C9775F"/>
    <w:rsid w:val="00CA0094"/>
    <w:rsid w:val="00CA03D3"/>
    <w:rsid w:val="00CA04B2"/>
    <w:rsid w:val="00CA081D"/>
    <w:rsid w:val="00CA09EC"/>
    <w:rsid w:val="00CA0A5E"/>
    <w:rsid w:val="00CA0D1A"/>
    <w:rsid w:val="00CA14BB"/>
    <w:rsid w:val="00CA15C5"/>
    <w:rsid w:val="00CA1892"/>
    <w:rsid w:val="00CA1D14"/>
    <w:rsid w:val="00CA1D15"/>
    <w:rsid w:val="00CA2E81"/>
    <w:rsid w:val="00CA30CD"/>
    <w:rsid w:val="00CA45FB"/>
    <w:rsid w:val="00CA5120"/>
    <w:rsid w:val="00CA5276"/>
    <w:rsid w:val="00CA5A71"/>
    <w:rsid w:val="00CA696E"/>
    <w:rsid w:val="00CA71C3"/>
    <w:rsid w:val="00CA7710"/>
    <w:rsid w:val="00CB0191"/>
    <w:rsid w:val="00CB03CC"/>
    <w:rsid w:val="00CB060B"/>
    <w:rsid w:val="00CB0959"/>
    <w:rsid w:val="00CB0CA0"/>
    <w:rsid w:val="00CB16F5"/>
    <w:rsid w:val="00CB1C2D"/>
    <w:rsid w:val="00CB1F00"/>
    <w:rsid w:val="00CB244B"/>
    <w:rsid w:val="00CB28B4"/>
    <w:rsid w:val="00CB2D8A"/>
    <w:rsid w:val="00CB2F5A"/>
    <w:rsid w:val="00CB32C0"/>
    <w:rsid w:val="00CB3570"/>
    <w:rsid w:val="00CB3ADB"/>
    <w:rsid w:val="00CB415D"/>
    <w:rsid w:val="00CB4467"/>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3A6"/>
    <w:rsid w:val="00CC2AE4"/>
    <w:rsid w:val="00CC2BC4"/>
    <w:rsid w:val="00CC3335"/>
    <w:rsid w:val="00CC34F6"/>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9BE"/>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981"/>
    <w:rsid w:val="00CE5B83"/>
    <w:rsid w:val="00CE5F15"/>
    <w:rsid w:val="00CE67F7"/>
    <w:rsid w:val="00CE68EE"/>
    <w:rsid w:val="00CE6C58"/>
    <w:rsid w:val="00CE715F"/>
    <w:rsid w:val="00CE78AE"/>
    <w:rsid w:val="00CE79F8"/>
    <w:rsid w:val="00CE7EC0"/>
    <w:rsid w:val="00CF0120"/>
    <w:rsid w:val="00CF0DA1"/>
    <w:rsid w:val="00CF1182"/>
    <w:rsid w:val="00CF2181"/>
    <w:rsid w:val="00CF25A5"/>
    <w:rsid w:val="00CF26B7"/>
    <w:rsid w:val="00CF2FCC"/>
    <w:rsid w:val="00CF3140"/>
    <w:rsid w:val="00CF32F5"/>
    <w:rsid w:val="00CF351A"/>
    <w:rsid w:val="00CF37CB"/>
    <w:rsid w:val="00CF39CB"/>
    <w:rsid w:val="00CF3A21"/>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073E3"/>
    <w:rsid w:val="00D0755C"/>
    <w:rsid w:val="00D07DE2"/>
    <w:rsid w:val="00D10107"/>
    <w:rsid w:val="00D102A5"/>
    <w:rsid w:val="00D10947"/>
    <w:rsid w:val="00D10A9F"/>
    <w:rsid w:val="00D1102C"/>
    <w:rsid w:val="00D11113"/>
    <w:rsid w:val="00D11255"/>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B94"/>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2CA8"/>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629"/>
    <w:rsid w:val="00D40B5C"/>
    <w:rsid w:val="00D411C3"/>
    <w:rsid w:val="00D412F7"/>
    <w:rsid w:val="00D41406"/>
    <w:rsid w:val="00D418A1"/>
    <w:rsid w:val="00D41A4C"/>
    <w:rsid w:val="00D41D14"/>
    <w:rsid w:val="00D42089"/>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0E2"/>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88"/>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886"/>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4EA"/>
    <w:rsid w:val="00D91F43"/>
    <w:rsid w:val="00D91FCC"/>
    <w:rsid w:val="00D92238"/>
    <w:rsid w:val="00D922A5"/>
    <w:rsid w:val="00D924E8"/>
    <w:rsid w:val="00D92C2A"/>
    <w:rsid w:val="00D9326B"/>
    <w:rsid w:val="00D93A88"/>
    <w:rsid w:val="00D93EF2"/>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5FC"/>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7B4"/>
    <w:rsid w:val="00DC6892"/>
    <w:rsid w:val="00DC6E81"/>
    <w:rsid w:val="00DC6EDE"/>
    <w:rsid w:val="00DC723E"/>
    <w:rsid w:val="00DC7430"/>
    <w:rsid w:val="00DC7584"/>
    <w:rsid w:val="00DC7704"/>
    <w:rsid w:val="00DC780C"/>
    <w:rsid w:val="00DC7C15"/>
    <w:rsid w:val="00DC7E6D"/>
    <w:rsid w:val="00DD0451"/>
    <w:rsid w:val="00DD0F55"/>
    <w:rsid w:val="00DD10B5"/>
    <w:rsid w:val="00DD1597"/>
    <w:rsid w:val="00DD1988"/>
    <w:rsid w:val="00DD1B3B"/>
    <w:rsid w:val="00DD1B42"/>
    <w:rsid w:val="00DD2221"/>
    <w:rsid w:val="00DD26D8"/>
    <w:rsid w:val="00DD297E"/>
    <w:rsid w:val="00DD3320"/>
    <w:rsid w:val="00DD3708"/>
    <w:rsid w:val="00DD4297"/>
    <w:rsid w:val="00DD48F8"/>
    <w:rsid w:val="00DD4C79"/>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1EED"/>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075"/>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0BC6"/>
    <w:rsid w:val="00E1137A"/>
    <w:rsid w:val="00E121EF"/>
    <w:rsid w:val="00E12809"/>
    <w:rsid w:val="00E13016"/>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27D61"/>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6970"/>
    <w:rsid w:val="00E36B8C"/>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4CB0"/>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79"/>
    <w:rsid w:val="00E66692"/>
    <w:rsid w:val="00E667A9"/>
    <w:rsid w:val="00E67C0B"/>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08"/>
    <w:rsid w:val="00E812BB"/>
    <w:rsid w:val="00E81616"/>
    <w:rsid w:val="00E81B87"/>
    <w:rsid w:val="00E821C8"/>
    <w:rsid w:val="00E82E7E"/>
    <w:rsid w:val="00E82EA2"/>
    <w:rsid w:val="00E830DD"/>
    <w:rsid w:val="00E83B1F"/>
    <w:rsid w:val="00E83DE3"/>
    <w:rsid w:val="00E83F40"/>
    <w:rsid w:val="00E8487A"/>
    <w:rsid w:val="00E8488B"/>
    <w:rsid w:val="00E84C73"/>
    <w:rsid w:val="00E84CC8"/>
    <w:rsid w:val="00E84E52"/>
    <w:rsid w:val="00E8526A"/>
    <w:rsid w:val="00E855A6"/>
    <w:rsid w:val="00E8579A"/>
    <w:rsid w:val="00E85BB7"/>
    <w:rsid w:val="00E86410"/>
    <w:rsid w:val="00E86603"/>
    <w:rsid w:val="00E8664A"/>
    <w:rsid w:val="00E866B2"/>
    <w:rsid w:val="00E86B37"/>
    <w:rsid w:val="00E86D9D"/>
    <w:rsid w:val="00E86E87"/>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72"/>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2AA"/>
    <w:rsid w:val="00EC160F"/>
    <w:rsid w:val="00EC2572"/>
    <w:rsid w:val="00EC29F8"/>
    <w:rsid w:val="00EC2D1F"/>
    <w:rsid w:val="00EC303D"/>
    <w:rsid w:val="00EC30DF"/>
    <w:rsid w:val="00EC31FF"/>
    <w:rsid w:val="00EC3265"/>
    <w:rsid w:val="00EC3E3A"/>
    <w:rsid w:val="00EC4DF5"/>
    <w:rsid w:val="00EC5194"/>
    <w:rsid w:val="00EC6147"/>
    <w:rsid w:val="00EC63A2"/>
    <w:rsid w:val="00EC6555"/>
    <w:rsid w:val="00EC6571"/>
    <w:rsid w:val="00EC6909"/>
    <w:rsid w:val="00EC6E41"/>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64A5"/>
    <w:rsid w:val="00ED7344"/>
    <w:rsid w:val="00ED7D25"/>
    <w:rsid w:val="00EE035D"/>
    <w:rsid w:val="00EE07B7"/>
    <w:rsid w:val="00EE1120"/>
    <w:rsid w:val="00EE1133"/>
    <w:rsid w:val="00EE29F4"/>
    <w:rsid w:val="00EE2C24"/>
    <w:rsid w:val="00EE368C"/>
    <w:rsid w:val="00EE405B"/>
    <w:rsid w:val="00EE4984"/>
    <w:rsid w:val="00EE4BE8"/>
    <w:rsid w:val="00EE4D55"/>
    <w:rsid w:val="00EE5860"/>
    <w:rsid w:val="00EE5DAC"/>
    <w:rsid w:val="00EE5F5F"/>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EF7284"/>
    <w:rsid w:val="00F002E7"/>
    <w:rsid w:val="00F0062C"/>
    <w:rsid w:val="00F0065D"/>
    <w:rsid w:val="00F00929"/>
    <w:rsid w:val="00F00C9D"/>
    <w:rsid w:val="00F01485"/>
    <w:rsid w:val="00F01769"/>
    <w:rsid w:val="00F01CCA"/>
    <w:rsid w:val="00F02307"/>
    <w:rsid w:val="00F0278B"/>
    <w:rsid w:val="00F0325E"/>
    <w:rsid w:val="00F03291"/>
    <w:rsid w:val="00F035A6"/>
    <w:rsid w:val="00F03A21"/>
    <w:rsid w:val="00F03D95"/>
    <w:rsid w:val="00F044D7"/>
    <w:rsid w:val="00F054D9"/>
    <w:rsid w:val="00F05F2A"/>
    <w:rsid w:val="00F06604"/>
    <w:rsid w:val="00F066F4"/>
    <w:rsid w:val="00F06DCD"/>
    <w:rsid w:val="00F07748"/>
    <w:rsid w:val="00F0775D"/>
    <w:rsid w:val="00F0798F"/>
    <w:rsid w:val="00F07A3E"/>
    <w:rsid w:val="00F07D82"/>
    <w:rsid w:val="00F10339"/>
    <w:rsid w:val="00F106DA"/>
    <w:rsid w:val="00F10D14"/>
    <w:rsid w:val="00F126AF"/>
    <w:rsid w:val="00F12759"/>
    <w:rsid w:val="00F12C2B"/>
    <w:rsid w:val="00F12D5C"/>
    <w:rsid w:val="00F12E0B"/>
    <w:rsid w:val="00F1320E"/>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3FB"/>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6F3"/>
    <w:rsid w:val="00F32A10"/>
    <w:rsid w:val="00F32AAB"/>
    <w:rsid w:val="00F32F3B"/>
    <w:rsid w:val="00F335A9"/>
    <w:rsid w:val="00F3454C"/>
    <w:rsid w:val="00F34C63"/>
    <w:rsid w:val="00F34E7C"/>
    <w:rsid w:val="00F3652D"/>
    <w:rsid w:val="00F365BB"/>
    <w:rsid w:val="00F3666C"/>
    <w:rsid w:val="00F3672D"/>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3FF"/>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61F"/>
    <w:rsid w:val="00F527AE"/>
    <w:rsid w:val="00F52968"/>
    <w:rsid w:val="00F52CFE"/>
    <w:rsid w:val="00F5317C"/>
    <w:rsid w:val="00F53490"/>
    <w:rsid w:val="00F53595"/>
    <w:rsid w:val="00F53D06"/>
    <w:rsid w:val="00F54211"/>
    <w:rsid w:val="00F544BA"/>
    <w:rsid w:val="00F547FA"/>
    <w:rsid w:val="00F54A06"/>
    <w:rsid w:val="00F54D7F"/>
    <w:rsid w:val="00F55034"/>
    <w:rsid w:val="00F55778"/>
    <w:rsid w:val="00F56265"/>
    <w:rsid w:val="00F57579"/>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4A3B"/>
    <w:rsid w:val="00F751C6"/>
    <w:rsid w:val="00F75ABC"/>
    <w:rsid w:val="00F761FF"/>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0C"/>
    <w:rsid w:val="00F9308A"/>
    <w:rsid w:val="00F9332E"/>
    <w:rsid w:val="00F93646"/>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6BE"/>
    <w:rsid w:val="00FA5B0E"/>
    <w:rsid w:val="00FA5F24"/>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034"/>
    <w:rsid w:val="00FB7157"/>
    <w:rsid w:val="00FB7A70"/>
    <w:rsid w:val="00FC00AF"/>
    <w:rsid w:val="00FC06BE"/>
    <w:rsid w:val="00FC0923"/>
    <w:rsid w:val="00FC0AF4"/>
    <w:rsid w:val="00FC0BD5"/>
    <w:rsid w:val="00FC0E59"/>
    <w:rsid w:val="00FC0ECF"/>
    <w:rsid w:val="00FC0EE1"/>
    <w:rsid w:val="00FC147E"/>
    <w:rsid w:val="00FC1544"/>
    <w:rsid w:val="00FC1B96"/>
    <w:rsid w:val="00FC23A0"/>
    <w:rsid w:val="00FC3F3B"/>
    <w:rsid w:val="00FC3FAF"/>
    <w:rsid w:val="00FC49CB"/>
    <w:rsid w:val="00FC4F0D"/>
    <w:rsid w:val="00FC4FA3"/>
    <w:rsid w:val="00FC541A"/>
    <w:rsid w:val="00FC6187"/>
    <w:rsid w:val="00FC64C6"/>
    <w:rsid w:val="00FC67EB"/>
    <w:rsid w:val="00FC6E9F"/>
    <w:rsid w:val="00FC7600"/>
    <w:rsid w:val="00FC799E"/>
    <w:rsid w:val="00FC7EE1"/>
    <w:rsid w:val="00FD0111"/>
    <w:rsid w:val="00FD0CC8"/>
    <w:rsid w:val="00FD1277"/>
    <w:rsid w:val="00FD1327"/>
    <w:rsid w:val="00FD1B9C"/>
    <w:rsid w:val="00FD1E24"/>
    <w:rsid w:val="00FD2257"/>
    <w:rsid w:val="00FD22D3"/>
    <w:rsid w:val="00FD24F0"/>
    <w:rsid w:val="00FD251B"/>
    <w:rsid w:val="00FD2677"/>
    <w:rsid w:val="00FD26A6"/>
    <w:rsid w:val="00FD2D23"/>
    <w:rsid w:val="00FD36F6"/>
    <w:rsid w:val="00FD3BC6"/>
    <w:rsid w:val="00FD3DFF"/>
    <w:rsid w:val="00FD3ECD"/>
    <w:rsid w:val="00FD41ED"/>
    <w:rsid w:val="00FD420B"/>
    <w:rsid w:val="00FD4895"/>
    <w:rsid w:val="00FD4B01"/>
    <w:rsid w:val="00FD4E06"/>
    <w:rsid w:val="00FD528D"/>
    <w:rsid w:val="00FD5B1C"/>
    <w:rsid w:val="00FD5D01"/>
    <w:rsid w:val="00FD6788"/>
    <w:rsid w:val="00FD6A73"/>
    <w:rsid w:val="00FD6CF7"/>
    <w:rsid w:val="00FD6D2A"/>
    <w:rsid w:val="00FD7876"/>
    <w:rsid w:val="00FD7B45"/>
    <w:rsid w:val="00FE0167"/>
    <w:rsid w:val="00FE031E"/>
    <w:rsid w:val="00FE034B"/>
    <w:rsid w:val="00FE0A22"/>
    <w:rsid w:val="00FE0D9A"/>
    <w:rsid w:val="00FE0F2C"/>
    <w:rsid w:val="00FE1047"/>
    <w:rsid w:val="00FE1E80"/>
    <w:rsid w:val="00FE276E"/>
    <w:rsid w:val="00FE2925"/>
    <w:rsid w:val="00FE2B67"/>
    <w:rsid w:val="00FE2C9C"/>
    <w:rsid w:val="00FE2D5A"/>
    <w:rsid w:val="00FE333B"/>
    <w:rsid w:val="00FE3BB3"/>
    <w:rsid w:val="00FE3D89"/>
    <w:rsid w:val="00FE3E0C"/>
    <w:rsid w:val="00FE4037"/>
    <w:rsid w:val="00FE481D"/>
    <w:rsid w:val="00FE491B"/>
    <w:rsid w:val="00FE4E2A"/>
    <w:rsid w:val="00FE5820"/>
    <w:rsid w:val="00FE5FBA"/>
    <w:rsid w:val="00FE605C"/>
    <w:rsid w:val="00FE66C0"/>
    <w:rsid w:val="00FE687C"/>
    <w:rsid w:val="00FE6971"/>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2D63"/>
    <w:rsid w:val="00FF32A5"/>
    <w:rsid w:val="00FF3448"/>
    <w:rsid w:val="00FF38CA"/>
    <w:rsid w:val="00FF3A62"/>
    <w:rsid w:val="00FF3D5A"/>
    <w:rsid w:val="00FF429F"/>
    <w:rsid w:val="00FF500D"/>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0948C1"/>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Standaard"/>
    <w:next w:val="Plattetekst"/>
    <w:uiPriority w:val="7"/>
    <w:qFormat/>
    <w:rsid w:val="00AE7295"/>
    <w:pPr>
      <w:tabs>
        <w:tab w:val="left" w:pos="851"/>
      </w:tabs>
      <w:spacing w:before="0" w:after="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628195385">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microsoft.com/office/2016/09/relationships/commentsIds" Target="commentsIds.xml"/><Relationship Id="rId26" Type="http://schemas.openxmlformats.org/officeDocument/2006/relationships/image" Target="media/image7.png"/><Relationship Id="rId39" Type="http://schemas.openxmlformats.org/officeDocument/2006/relationships/footer" Target="footer2.xml"/><Relationship Id="rId21" Type="http://schemas.openxmlformats.org/officeDocument/2006/relationships/hyperlink" Target="https://github.com/scheldestromen/BOLuS" TargetMode="External"/><Relationship Id="rId34" Type="http://schemas.openxmlformats.org/officeDocument/2006/relationships/image" Target="media/image15.png"/><Relationship Id="rId42" Type="http://schemas.openxmlformats.org/officeDocument/2006/relationships/glossaryDocument" Target="glossary/document.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comments" Target="comments.xml"/><Relationship Id="rId20" Type="http://schemas.openxmlformats.org/officeDocument/2006/relationships/hyperlink" Target="https://github.com/scheldestromen/BOLuS" TargetMode="External"/><Relationship Id="rId29" Type="http://schemas.openxmlformats.org/officeDocument/2006/relationships/image" Target="media/image10.png"/><Relationship Id="rId41" Type="http://schemas.microsoft.com/office/2011/relationships/people" Target="peop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5.png"/><Relationship Id="rId32" Type="http://schemas.openxmlformats.org/officeDocument/2006/relationships/image" Target="media/image13.png"/><Relationship Id="rId37" Type="http://schemas.openxmlformats.org/officeDocument/2006/relationships/image" Target="media/image18.png"/><Relationship Id="rId40"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image" Target="media/image4.png"/><Relationship Id="rId28" Type="http://schemas.openxmlformats.org/officeDocument/2006/relationships/image" Target="media/image9.png"/><Relationship Id="rId36" Type="http://schemas.openxmlformats.org/officeDocument/2006/relationships/image" Target="media/image17.png"/><Relationship Id="rId10" Type="http://schemas.openxmlformats.org/officeDocument/2006/relationships/webSettings" Target="webSettings.xml"/><Relationship Id="rId19" Type="http://schemas.microsoft.com/office/2018/08/relationships/commentsExtensible" Target="commentsExtensible.xml"/><Relationship Id="rId31" Type="http://schemas.openxmlformats.org/officeDocument/2006/relationships/image" Target="media/image12.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image" Target="media/image3.png"/><Relationship Id="rId27" Type="http://schemas.openxmlformats.org/officeDocument/2006/relationships/image" Target="media/image8.png"/><Relationship Id="rId30" Type="http://schemas.openxmlformats.org/officeDocument/2006/relationships/image" Target="media/image11.png"/><Relationship Id="rId35" Type="http://schemas.openxmlformats.org/officeDocument/2006/relationships/image" Target="media/image16.png"/><Relationship Id="rId43" Type="http://schemas.openxmlformats.org/officeDocument/2006/relationships/theme" Target="theme/theme1.xml"/><Relationship Id="rId8" Type="http://schemas.openxmlformats.org/officeDocument/2006/relationships/styles" Target="styles.xml"/><Relationship Id="rId3" Type="http://schemas.openxmlformats.org/officeDocument/2006/relationships/customXml" Target="../customXml/item3.xml"/><Relationship Id="rId12" Type="http://schemas.openxmlformats.org/officeDocument/2006/relationships/endnotes" Target="endnotes.xml"/><Relationship Id="rId17" Type="http://schemas.microsoft.com/office/2011/relationships/commentsExtended" Target="commentsExtended.xml"/><Relationship Id="rId25" Type="http://schemas.openxmlformats.org/officeDocument/2006/relationships/image" Target="media/image6.png"/><Relationship Id="rId33" Type="http://schemas.openxmlformats.org/officeDocument/2006/relationships/image" Target="media/image14.png"/><Relationship Id="rId38" Type="http://schemas.openxmlformats.org/officeDocument/2006/relationships/image" Target="media/image19.png"/></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17D46"/>
    <w:rsid w:val="0002379C"/>
    <w:rsid w:val="00047F59"/>
    <w:rsid w:val="0006132F"/>
    <w:rsid w:val="0007256E"/>
    <w:rsid w:val="00077D59"/>
    <w:rsid w:val="00085600"/>
    <w:rsid w:val="00092C62"/>
    <w:rsid w:val="000A4F62"/>
    <w:rsid w:val="000D0D62"/>
    <w:rsid w:val="000D11EF"/>
    <w:rsid w:val="000E4765"/>
    <w:rsid w:val="000E702C"/>
    <w:rsid w:val="000F17DF"/>
    <w:rsid w:val="00156D38"/>
    <w:rsid w:val="0016168A"/>
    <w:rsid w:val="001A6EF2"/>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0BC7"/>
    <w:rsid w:val="003669FD"/>
    <w:rsid w:val="00382301"/>
    <w:rsid w:val="0039591F"/>
    <w:rsid w:val="003A1CCE"/>
    <w:rsid w:val="003C17E6"/>
    <w:rsid w:val="003D1451"/>
    <w:rsid w:val="003E4858"/>
    <w:rsid w:val="004016E8"/>
    <w:rsid w:val="00446AB6"/>
    <w:rsid w:val="00481853"/>
    <w:rsid w:val="00495A55"/>
    <w:rsid w:val="00496DC5"/>
    <w:rsid w:val="004A6038"/>
    <w:rsid w:val="004E7CC5"/>
    <w:rsid w:val="00524FFD"/>
    <w:rsid w:val="0053315D"/>
    <w:rsid w:val="0056156B"/>
    <w:rsid w:val="00575CBC"/>
    <w:rsid w:val="0059133E"/>
    <w:rsid w:val="00591E05"/>
    <w:rsid w:val="005941CC"/>
    <w:rsid w:val="00595F49"/>
    <w:rsid w:val="00597DC3"/>
    <w:rsid w:val="005B522C"/>
    <w:rsid w:val="00611413"/>
    <w:rsid w:val="00631601"/>
    <w:rsid w:val="00644716"/>
    <w:rsid w:val="00665C1E"/>
    <w:rsid w:val="00674AF4"/>
    <w:rsid w:val="00681887"/>
    <w:rsid w:val="006967FD"/>
    <w:rsid w:val="00697793"/>
    <w:rsid w:val="006A3FD0"/>
    <w:rsid w:val="006A4554"/>
    <w:rsid w:val="006B50F1"/>
    <w:rsid w:val="006D117E"/>
    <w:rsid w:val="006D2328"/>
    <w:rsid w:val="006F7B66"/>
    <w:rsid w:val="0073060A"/>
    <w:rsid w:val="007658ED"/>
    <w:rsid w:val="0079289E"/>
    <w:rsid w:val="007962F5"/>
    <w:rsid w:val="00797C21"/>
    <w:rsid w:val="007A4DA2"/>
    <w:rsid w:val="007A528B"/>
    <w:rsid w:val="007D6016"/>
    <w:rsid w:val="0081427E"/>
    <w:rsid w:val="00826433"/>
    <w:rsid w:val="00847AB6"/>
    <w:rsid w:val="008502B2"/>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4868"/>
    <w:rsid w:val="00A471F2"/>
    <w:rsid w:val="00A50174"/>
    <w:rsid w:val="00A50FB0"/>
    <w:rsid w:val="00A565DA"/>
    <w:rsid w:val="00A71789"/>
    <w:rsid w:val="00A848CA"/>
    <w:rsid w:val="00AC3418"/>
    <w:rsid w:val="00B230C5"/>
    <w:rsid w:val="00B248A1"/>
    <w:rsid w:val="00B80BC7"/>
    <w:rsid w:val="00B85D62"/>
    <w:rsid w:val="00B9774B"/>
    <w:rsid w:val="00BA10C1"/>
    <w:rsid w:val="00BD5847"/>
    <w:rsid w:val="00C125AA"/>
    <w:rsid w:val="00C54F22"/>
    <w:rsid w:val="00C571B9"/>
    <w:rsid w:val="00CA4A19"/>
    <w:rsid w:val="00CF1F7F"/>
    <w:rsid w:val="00D04B02"/>
    <w:rsid w:val="00D42313"/>
    <w:rsid w:val="00D46181"/>
    <w:rsid w:val="00D5595F"/>
    <w:rsid w:val="00D6392B"/>
    <w:rsid w:val="00D66C6C"/>
    <w:rsid w:val="00D901DD"/>
    <w:rsid w:val="00DF04DC"/>
    <w:rsid w:val="00E37EE1"/>
    <w:rsid w:val="00E474C6"/>
    <w:rsid w:val="00E57773"/>
    <w:rsid w:val="00E6474D"/>
    <w:rsid w:val="00E67EA7"/>
    <w:rsid w:val="00E72566"/>
    <w:rsid w:val="00EB4AA1"/>
    <w:rsid w:val="00F06A61"/>
    <w:rsid w:val="00F14D19"/>
    <w:rsid w:val="00F319E9"/>
    <w:rsid w:val="00F3672D"/>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7459</TotalTime>
  <Pages>29</Pages>
  <Words>8876</Words>
  <Characters>48819</Characters>
  <Application>Microsoft Office Word</Application>
  <DocSecurity>0</DocSecurity>
  <Lines>406</Lines>
  <Paragraphs>11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57580</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1078</cp:revision>
  <cp:lastPrinted>2024-01-19T15:53:00Z</cp:lastPrinted>
  <dcterms:created xsi:type="dcterms:W3CDTF">2023-12-13T16:12:00Z</dcterms:created>
  <dcterms:modified xsi:type="dcterms:W3CDTF">2025-07-11T14: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